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4" r:id="rId3"/>
    <p:sldId id="275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3DCB3"/>
    <a:srgbClr val="3CBFAF"/>
    <a:srgbClr val="201652"/>
    <a:srgbClr val="C50D16"/>
    <a:srgbClr val="2D2B3C"/>
    <a:srgbClr val="DFDFDF"/>
    <a:srgbClr val="EFDF1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132" y="21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A35A92-8638-523A-167A-6CAD7726C2B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C44F42DC-49D7-814B-3F35-6245B3C4778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76F078F-3A1A-E2DC-536A-08EC439B0A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E2EE80-E8B1-49E7-8513-48035C19717D}" type="datetimeFigureOut">
              <a:rPr lang="en-US" smtClean="0"/>
              <a:t>12/18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1C4AA9A-1FFA-18A0-8BAB-C7B0B509D2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063FE62-31EC-452F-723F-EE868A97B7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83B59F-A66F-4DF0-A391-B862A5D8C5E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628455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B6F18E-24DC-E644-8956-69021B262CD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A780918-D1A2-DF9D-BD0A-7E081FE0A6A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B3FDE37-A1E6-8D14-2920-816F7A6E2B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E2EE80-E8B1-49E7-8513-48035C19717D}" type="datetimeFigureOut">
              <a:rPr lang="en-US" smtClean="0"/>
              <a:t>12/18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1EF4FE8-1D5B-34FD-6291-5B376B61FB3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6F23ADB-C398-98F3-89FF-C891050B07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83B59F-A66F-4DF0-A391-B862A5D8C5E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676017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DCB7C853-A66B-AB71-0DBB-2F83CE0C173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1C09524-50A7-815C-9BF6-C726C1ACA73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E777829-32A4-44C3-281E-586B2D9B34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E2EE80-E8B1-49E7-8513-48035C19717D}" type="datetimeFigureOut">
              <a:rPr lang="en-US" smtClean="0"/>
              <a:t>12/18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74110C6-174A-256E-2DA7-DED22910B7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27499A5-536B-7914-ED92-37181C41B9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83B59F-A66F-4DF0-A391-B862A5D8C5E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957691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3E6EDD5-4F05-D02C-2237-184CB6DF05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2CBBE91-32E0-D03D-976A-DEC0C99ABE0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354AEA5-288D-9567-02A9-F47D625395E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E2EE80-E8B1-49E7-8513-48035C19717D}" type="datetimeFigureOut">
              <a:rPr lang="en-US" smtClean="0"/>
              <a:t>12/18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66B9B8F-03B1-057B-E838-D721FC891C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44E939B-9ED4-B537-95E6-23BF18A28B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83B59F-A66F-4DF0-A391-B862A5D8C5E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086046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65775C-3A15-6485-0F34-EAFBD1DD813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CA63AED-9C79-1873-CDE7-C130C63F191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65DD733-4E7C-4146-10E0-6ADB02A178C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E2EE80-E8B1-49E7-8513-48035C19717D}" type="datetimeFigureOut">
              <a:rPr lang="en-US" smtClean="0"/>
              <a:t>12/18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366D8BE-4199-DA28-92CF-BECEBA404B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42B8FF3-D6BE-6250-E6CF-8C9E5CCC50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83B59F-A66F-4DF0-A391-B862A5D8C5E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85651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8DA73C6-CEB6-7502-8782-4360157DF0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5EA2EBA-2D7A-2028-A8B1-08E7E6BBFE8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56F1E6A-AF37-31D6-BA30-55E466A9377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784179F-CCCF-A803-C8CF-E09D9D0985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E2EE80-E8B1-49E7-8513-48035C19717D}" type="datetimeFigureOut">
              <a:rPr lang="en-US" smtClean="0"/>
              <a:t>12/18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B429858-672A-CA2A-D25F-A19B71E47E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03631DC-9453-1114-539D-9F261E9C52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83B59F-A66F-4DF0-A391-B862A5D8C5E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18151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7C8DC3-4ACD-AEF6-CEF7-2D7DECB292E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68A4E70-4F33-09D0-5A45-91EE04AD8C7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7574C81-8011-7612-EC5B-93A4661C74E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ADFC08B-CDC3-39E7-F304-7A17C84B2FE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26A8077-A767-17EB-0069-CD330D740DF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593013F-187E-FA17-5AD7-10A06B7C80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E2EE80-E8B1-49E7-8513-48035C19717D}" type="datetimeFigureOut">
              <a:rPr lang="en-US" smtClean="0"/>
              <a:t>12/18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A0ADDDC-6D54-9419-10DD-61FC573803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7ACB430-6B62-4AC5-30FB-34189BB75C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83B59F-A66F-4DF0-A391-B862A5D8C5E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389587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22BA7EB-763D-8505-9F42-AB1E216944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775F95C-F39C-696B-4C93-A47B5436B57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E2EE80-E8B1-49E7-8513-48035C19717D}" type="datetimeFigureOut">
              <a:rPr lang="en-US" smtClean="0"/>
              <a:t>12/18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E7A4AA1-81B9-A5E7-AA4E-B41B87BEE6C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9BB6217-3CEE-DEE1-1564-BEDCBF0939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83B59F-A66F-4DF0-A391-B862A5D8C5E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4810808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8CA7F82-E516-EE84-4110-CF71FCA756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E2EE80-E8B1-49E7-8513-48035C19717D}" type="datetimeFigureOut">
              <a:rPr lang="en-US" smtClean="0"/>
              <a:t>12/18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021D9E4-C6F3-D7CE-9014-799AE4494A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9806AB4-D1FE-46C2-C9F2-BDBE64C6E4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83B59F-A66F-4DF0-A391-B862A5D8C5E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45028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C5B7CA-3A6B-68A4-3182-A8303C652EE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8D0601-6A56-F957-575A-493CB1E1B93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31D199D-D0FF-3C45-3FA2-2F8B2EF751A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304E481-FCEC-C703-607A-449A9ACFB7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E2EE80-E8B1-49E7-8513-48035C19717D}" type="datetimeFigureOut">
              <a:rPr lang="en-US" smtClean="0"/>
              <a:t>12/18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6D215AD-B36D-FB11-301F-722B6D805D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F59378B-EFBE-8A6A-B13E-D7D389803F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83B59F-A66F-4DF0-A391-B862A5D8C5E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1259992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E49129-E713-C7D6-160E-45B4C44464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8AAA273-425F-0620-3153-EED9EA73600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8B364C9-E150-EF3C-614E-8241ADE39C0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C7BEF09-11E5-CA34-3A05-0610AD4CBC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E2EE80-E8B1-49E7-8513-48035C19717D}" type="datetimeFigureOut">
              <a:rPr lang="en-US" smtClean="0"/>
              <a:t>12/18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16B788E-7F1C-6657-387F-30274A34AF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0821CF4-DA4F-C19A-F44D-36FFEED39A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83B59F-A66F-4DF0-A391-B862A5D8C5E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182593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024C9C90-C626-4E5B-9F24-650B6160273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05426E1-9846-97ED-6599-CE5FD9DA07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86CBF0D-3E86-5A38-2B5F-2E7E1BDC6E2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9E2EE80-E8B1-49E7-8513-48035C19717D}" type="datetimeFigureOut">
              <a:rPr lang="en-US" smtClean="0"/>
              <a:t>12/18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625039A-B009-5920-AD1B-D82EB8AC9A4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610653A-7DBC-346F-6D5B-F7787E9D6BD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583B59F-A66F-4DF0-A391-B862A5D8C5E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6053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image" Target="../media/image4.png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image" Target="../media/image5.svg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53" Type="http://schemas.openxmlformats.org/officeDocument/2006/relationships/image" Target="../media/image3.jp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image" Target="../media/image6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slideLayout" Target="../slideLayouts/slideLayout7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64.xml"/><Relationship Id="rId18" Type="http://schemas.openxmlformats.org/officeDocument/2006/relationships/tags" Target="../tags/tag169.xml"/><Relationship Id="rId26" Type="http://schemas.openxmlformats.org/officeDocument/2006/relationships/tags" Target="../tags/tag177.xml"/><Relationship Id="rId39" Type="http://schemas.openxmlformats.org/officeDocument/2006/relationships/tags" Target="../tags/tag190.xml"/><Relationship Id="rId21" Type="http://schemas.openxmlformats.org/officeDocument/2006/relationships/tags" Target="../tags/tag172.xml"/><Relationship Id="rId34" Type="http://schemas.openxmlformats.org/officeDocument/2006/relationships/tags" Target="../tags/tag185.xml"/><Relationship Id="rId42" Type="http://schemas.openxmlformats.org/officeDocument/2006/relationships/tags" Target="../tags/tag193.xml"/><Relationship Id="rId47" Type="http://schemas.openxmlformats.org/officeDocument/2006/relationships/tags" Target="../tags/tag198.xml"/><Relationship Id="rId50" Type="http://schemas.openxmlformats.org/officeDocument/2006/relationships/tags" Target="../tags/tag201.xml"/><Relationship Id="rId55" Type="http://schemas.openxmlformats.org/officeDocument/2006/relationships/image" Target="../media/image5.svg"/><Relationship Id="rId7" Type="http://schemas.openxmlformats.org/officeDocument/2006/relationships/tags" Target="../tags/tag158.xml"/><Relationship Id="rId12" Type="http://schemas.openxmlformats.org/officeDocument/2006/relationships/tags" Target="../tags/tag163.xml"/><Relationship Id="rId17" Type="http://schemas.openxmlformats.org/officeDocument/2006/relationships/tags" Target="../tags/tag168.xml"/><Relationship Id="rId25" Type="http://schemas.openxmlformats.org/officeDocument/2006/relationships/tags" Target="../tags/tag176.xml"/><Relationship Id="rId33" Type="http://schemas.openxmlformats.org/officeDocument/2006/relationships/tags" Target="../tags/tag184.xml"/><Relationship Id="rId38" Type="http://schemas.openxmlformats.org/officeDocument/2006/relationships/tags" Target="../tags/tag189.xml"/><Relationship Id="rId46" Type="http://schemas.openxmlformats.org/officeDocument/2006/relationships/tags" Target="../tags/tag197.xml"/><Relationship Id="rId2" Type="http://schemas.openxmlformats.org/officeDocument/2006/relationships/tags" Target="../tags/tag153.xml"/><Relationship Id="rId16" Type="http://schemas.openxmlformats.org/officeDocument/2006/relationships/tags" Target="../tags/tag167.xml"/><Relationship Id="rId20" Type="http://schemas.openxmlformats.org/officeDocument/2006/relationships/tags" Target="../tags/tag171.xml"/><Relationship Id="rId29" Type="http://schemas.openxmlformats.org/officeDocument/2006/relationships/tags" Target="../tags/tag180.xml"/><Relationship Id="rId41" Type="http://schemas.openxmlformats.org/officeDocument/2006/relationships/tags" Target="../tags/tag192.xml"/><Relationship Id="rId54" Type="http://schemas.openxmlformats.org/officeDocument/2006/relationships/image" Target="../media/image4.png"/><Relationship Id="rId1" Type="http://schemas.openxmlformats.org/officeDocument/2006/relationships/tags" Target="../tags/tag152.xml"/><Relationship Id="rId6" Type="http://schemas.openxmlformats.org/officeDocument/2006/relationships/tags" Target="../tags/tag157.xml"/><Relationship Id="rId11" Type="http://schemas.openxmlformats.org/officeDocument/2006/relationships/tags" Target="../tags/tag162.xml"/><Relationship Id="rId24" Type="http://schemas.openxmlformats.org/officeDocument/2006/relationships/tags" Target="../tags/tag175.xml"/><Relationship Id="rId32" Type="http://schemas.openxmlformats.org/officeDocument/2006/relationships/tags" Target="../tags/tag183.xml"/><Relationship Id="rId37" Type="http://schemas.openxmlformats.org/officeDocument/2006/relationships/tags" Target="../tags/tag188.xml"/><Relationship Id="rId40" Type="http://schemas.openxmlformats.org/officeDocument/2006/relationships/tags" Target="../tags/tag191.xml"/><Relationship Id="rId45" Type="http://schemas.openxmlformats.org/officeDocument/2006/relationships/tags" Target="../tags/tag196.xml"/><Relationship Id="rId53" Type="http://schemas.openxmlformats.org/officeDocument/2006/relationships/image" Target="../media/image3.jpg"/><Relationship Id="rId5" Type="http://schemas.openxmlformats.org/officeDocument/2006/relationships/tags" Target="../tags/tag156.xml"/><Relationship Id="rId15" Type="http://schemas.openxmlformats.org/officeDocument/2006/relationships/tags" Target="../tags/tag166.xml"/><Relationship Id="rId23" Type="http://schemas.openxmlformats.org/officeDocument/2006/relationships/tags" Target="../tags/tag174.xml"/><Relationship Id="rId28" Type="http://schemas.openxmlformats.org/officeDocument/2006/relationships/tags" Target="../tags/tag179.xml"/><Relationship Id="rId36" Type="http://schemas.openxmlformats.org/officeDocument/2006/relationships/tags" Target="../tags/tag187.xml"/><Relationship Id="rId49" Type="http://schemas.openxmlformats.org/officeDocument/2006/relationships/tags" Target="../tags/tag200.xml"/><Relationship Id="rId10" Type="http://schemas.openxmlformats.org/officeDocument/2006/relationships/tags" Target="../tags/tag161.xml"/><Relationship Id="rId19" Type="http://schemas.openxmlformats.org/officeDocument/2006/relationships/tags" Target="../tags/tag170.xml"/><Relationship Id="rId31" Type="http://schemas.openxmlformats.org/officeDocument/2006/relationships/tags" Target="../tags/tag182.xml"/><Relationship Id="rId44" Type="http://schemas.openxmlformats.org/officeDocument/2006/relationships/tags" Target="../tags/tag195.xml"/><Relationship Id="rId52" Type="http://schemas.openxmlformats.org/officeDocument/2006/relationships/slideLayout" Target="../slideLayouts/slideLayout7.xml"/><Relationship Id="rId4" Type="http://schemas.openxmlformats.org/officeDocument/2006/relationships/tags" Target="../tags/tag155.xml"/><Relationship Id="rId9" Type="http://schemas.openxmlformats.org/officeDocument/2006/relationships/tags" Target="../tags/tag160.xml"/><Relationship Id="rId14" Type="http://schemas.openxmlformats.org/officeDocument/2006/relationships/tags" Target="../tags/tag165.xml"/><Relationship Id="rId22" Type="http://schemas.openxmlformats.org/officeDocument/2006/relationships/tags" Target="../tags/tag173.xml"/><Relationship Id="rId27" Type="http://schemas.openxmlformats.org/officeDocument/2006/relationships/tags" Target="../tags/tag178.xml"/><Relationship Id="rId30" Type="http://schemas.openxmlformats.org/officeDocument/2006/relationships/tags" Target="../tags/tag181.xml"/><Relationship Id="rId35" Type="http://schemas.openxmlformats.org/officeDocument/2006/relationships/tags" Target="../tags/tag186.xml"/><Relationship Id="rId43" Type="http://schemas.openxmlformats.org/officeDocument/2006/relationships/tags" Target="../tags/tag194.xml"/><Relationship Id="rId48" Type="http://schemas.openxmlformats.org/officeDocument/2006/relationships/tags" Target="../tags/tag199.xml"/><Relationship Id="rId56" Type="http://schemas.openxmlformats.org/officeDocument/2006/relationships/image" Target="../media/image6.png"/><Relationship Id="rId8" Type="http://schemas.openxmlformats.org/officeDocument/2006/relationships/tags" Target="../tags/tag159.xml"/><Relationship Id="rId51" Type="http://schemas.openxmlformats.org/officeDocument/2006/relationships/tags" Target="../tags/tag202.xml"/><Relationship Id="rId3" Type="http://schemas.openxmlformats.org/officeDocument/2006/relationships/tags" Target="../tags/tag15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53">
            <a:lum/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58" name="Graphic 257">
            <a:extLst>
              <a:ext uri="{FF2B5EF4-FFF2-40B4-BE49-F238E27FC236}">
                <a16:creationId xmlns:a16="http://schemas.microsoft.com/office/drawing/2014/main" id="{E7B16B2D-6C61-5FCE-A2FF-D5C0B6D311F6}"/>
              </a:ext>
            </a:extLst>
          </p:cNvPr>
          <p:cNvPicPr>
            <a:picLocks noChangeAspect="1"/>
          </p:cNvPicPr>
          <p:nvPr/>
        </p:nvPicPr>
        <p:blipFill>
          <a:blip r:embed="rId15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55"/>
              </a:ext>
            </a:extLst>
          </a:blip>
          <a:stretch>
            <a:fillRect/>
          </a:stretch>
        </p:blipFill>
        <p:spPr>
          <a:xfrm>
            <a:off x="72316" y="346243"/>
            <a:ext cx="1609157" cy="766864"/>
          </a:xfrm>
          <a:prstGeom prst="rect">
            <a:avLst/>
          </a:prstGeom>
        </p:spPr>
      </p:pic>
      <p:pic>
        <p:nvPicPr>
          <p:cNvPr id="232" name="Picture 231">
            <a:extLst>
              <a:ext uri="{FF2B5EF4-FFF2-40B4-BE49-F238E27FC236}">
                <a16:creationId xmlns:a16="http://schemas.microsoft.com/office/drawing/2014/main" id="{22E629FD-707F-9E49-05D9-20622A262BD6}"/>
              </a:ext>
            </a:extLst>
          </p:cNvPr>
          <p:cNvPicPr>
            <a:picLocks noChangeAspect="1"/>
          </p:cNvPicPr>
          <p:nvPr/>
        </p:nvPicPr>
        <p:blipFill>
          <a:blip r:embed="rId15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684740" y="5437431"/>
            <a:ext cx="1791837" cy="203215"/>
          </a:xfrm>
          <a:prstGeom prst="rect">
            <a:avLst/>
          </a:prstGeom>
        </p:spPr>
      </p:pic>
      <p:sp>
        <p:nvSpPr>
          <p:cNvPr id="256" name="TextBox 255">
            <a:extLst>
              <a:ext uri="{FF2B5EF4-FFF2-40B4-BE49-F238E27FC236}">
                <a16:creationId xmlns:a16="http://schemas.microsoft.com/office/drawing/2014/main" id="{80B8382B-E836-1C3E-790C-6356FF09C1F4}"/>
              </a:ext>
            </a:extLst>
          </p:cNvPr>
          <p:cNvSpPr txBox="1"/>
          <p:nvPr/>
        </p:nvSpPr>
        <p:spPr>
          <a:xfrm rot="16200000">
            <a:off x="-325677" y="2347109"/>
            <a:ext cx="194818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Star Wars timeline</a:t>
            </a:r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16968477-E91F-E2E0-A2A1-4138A75568EB}"/>
              </a:ext>
            </a:extLst>
          </p:cNvPr>
          <p:cNvGrpSpPr/>
          <p:nvPr/>
        </p:nvGrpSpPr>
        <p:grpSpPr>
          <a:xfrm>
            <a:off x="1785709" y="643477"/>
            <a:ext cx="9576242" cy="400406"/>
            <a:chOff x="1783186" y="626770"/>
            <a:chExt cx="9566794" cy="400406"/>
          </a:xfrm>
        </p:grpSpPr>
        <p:sp>
          <p:nvSpPr>
            <p:cNvPr id="282" name="Rectangle: Rounded Corners 281">
              <a:extLst>
                <a:ext uri="{FF2B5EF4-FFF2-40B4-BE49-F238E27FC236}">
                  <a16:creationId xmlns:a16="http://schemas.microsoft.com/office/drawing/2014/main" id="{A5504C07-B68E-5A4E-698E-7EAD2B5705DC}"/>
                </a:ext>
              </a:extLst>
            </p:cNvPr>
            <p:cNvSpPr/>
            <p:nvPr/>
          </p:nvSpPr>
          <p:spPr>
            <a:xfrm>
              <a:off x="1783186" y="626770"/>
              <a:ext cx="9566794" cy="400406"/>
            </a:xfrm>
            <a:prstGeom prst="roundRect">
              <a:avLst/>
            </a:prstGeom>
            <a:solidFill>
              <a:srgbClr val="3CBFAF"/>
            </a:solidFill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400" dirty="0"/>
            </a:p>
          </p:txBody>
        </p:sp>
        <p:grpSp>
          <p:nvGrpSpPr>
            <p:cNvPr id="305" name="Group 304">
              <a:extLst>
                <a:ext uri="{FF2B5EF4-FFF2-40B4-BE49-F238E27FC236}">
                  <a16:creationId xmlns:a16="http://schemas.microsoft.com/office/drawing/2014/main" id="{ADFAFE8A-B6B1-D623-9B57-CE9E55167525}"/>
                </a:ext>
              </a:extLst>
            </p:cNvPr>
            <p:cNvGrpSpPr/>
            <p:nvPr/>
          </p:nvGrpSpPr>
          <p:grpSpPr>
            <a:xfrm>
              <a:off x="2129908" y="717789"/>
              <a:ext cx="9044551" cy="261610"/>
              <a:chOff x="2596876" y="554277"/>
              <a:chExt cx="8555660" cy="275315"/>
            </a:xfrm>
          </p:grpSpPr>
          <p:sp>
            <p:nvSpPr>
              <p:cNvPr id="286" name="TextBox 285">
                <a:extLst>
                  <a:ext uri="{FF2B5EF4-FFF2-40B4-BE49-F238E27FC236}">
                    <a16:creationId xmlns:a16="http://schemas.microsoft.com/office/drawing/2014/main" id="{25A1F095-7356-6A8D-BB86-DDC5E833EA68}"/>
                  </a:ext>
                </a:extLst>
              </p:cNvPr>
              <p:cNvSpPr txBox="1"/>
              <p:nvPr/>
            </p:nvSpPr>
            <p:spPr>
              <a:xfrm>
                <a:off x="7465483" y="554277"/>
                <a:ext cx="739041" cy="27531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100" b="1" dirty="0">
                    <a:solidFill>
                      <a:schemeClr val="bg1"/>
                    </a:solidFill>
                  </a:rPr>
                  <a:t>|0 ABY</a:t>
                </a:r>
              </a:p>
            </p:txBody>
          </p:sp>
          <p:sp>
            <p:nvSpPr>
              <p:cNvPr id="287" name="TextBox 286">
                <a:extLst>
                  <a:ext uri="{FF2B5EF4-FFF2-40B4-BE49-F238E27FC236}">
                    <a16:creationId xmlns:a16="http://schemas.microsoft.com/office/drawing/2014/main" id="{3A878353-D384-1B9A-7201-F7B5ADD50F63}"/>
                  </a:ext>
                </a:extLst>
              </p:cNvPr>
              <p:cNvSpPr txBox="1"/>
              <p:nvPr/>
            </p:nvSpPr>
            <p:spPr>
              <a:xfrm>
                <a:off x="8356447" y="554277"/>
                <a:ext cx="801641" cy="27531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100" b="1" dirty="0">
                    <a:solidFill>
                      <a:schemeClr val="bg1"/>
                    </a:solidFill>
                  </a:rPr>
                  <a:t>|10 ABY</a:t>
                </a:r>
              </a:p>
            </p:txBody>
          </p:sp>
          <p:sp>
            <p:nvSpPr>
              <p:cNvPr id="288" name="TextBox 287">
                <a:extLst>
                  <a:ext uri="{FF2B5EF4-FFF2-40B4-BE49-F238E27FC236}">
                    <a16:creationId xmlns:a16="http://schemas.microsoft.com/office/drawing/2014/main" id="{145BC3B9-B609-5017-78D2-0D2EAC52603C}"/>
                  </a:ext>
                </a:extLst>
              </p:cNvPr>
              <p:cNvSpPr txBox="1"/>
              <p:nvPr/>
            </p:nvSpPr>
            <p:spPr>
              <a:xfrm>
                <a:off x="9329320" y="554277"/>
                <a:ext cx="801641" cy="27531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100" b="1" dirty="0">
                    <a:solidFill>
                      <a:schemeClr val="bg1"/>
                    </a:solidFill>
                  </a:rPr>
                  <a:t>|20 ABY</a:t>
                </a:r>
              </a:p>
            </p:txBody>
          </p:sp>
          <p:sp>
            <p:nvSpPr>
              <p:cNvPr id="289" name="TextBox 288">
                <a:extLst>
                  <a:ext uri="{FF2B5EF4-FFF2-40B4-BE49-F238E27FC236}">
                    <a16:creationId xmlns:a16="http://schemas.microsoft.com/office/drawing/2014/main" id="{EA9827AE-15D3-F03E-4F75-D8A39C9A9E58}"/>
                  </a:ext>
                </a:extLst>
              </p:cNvPr>
              <p:cNvSpPr txBox="1"/>
              <p:nvPr/>
            </p:nvSpPr>
            <p:spPr>
              <a:xfrm>
                <a:off x="10350895" y="554277"/>
                <a:ext cx="801641" cy="27531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100" b="1" dirty="0">
                    <a:solidFill>
                      <a:schemeClr val="bg1"/>
                    </a:solidFill>
                  </a:rPr>
                  <a:t>|30 ABY</a:t>
                </a:r>
              </a:p>
            </p:txBody>
          </p:sp>
          <p:sp>
            <p:nvSpPr>
              <p:cNvPr id="291" name="TextBox 290">
                <a:extLst>
                  <a:ext uri="{FF2B5EF4-FFF2-40B4-BE49-F238E27FC236}">
                    <a16:creationId xmlns:a16="http://schemas.microsoft.com/office/drawing/2014/main" id="{5CEB1AAA-3CEA-57D6-30B0-5339787EBC8D}"/>
                  </a:ext>
                </a:extLst>
              </p:cNvPr>
              <p:cNvSpPr txBox="1"/>
              <p:nvPr/>
            </p:nvSpPr>
            <p:spPr>
              <a:xfrm>
                <a:off x="6477194" y="554277"/>
                <a:ext cx="801641" cy="27531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100" b="1" dirty="0">
                    <a:solidFill>
                      <a:schemeClr val="bg1"/>
                    </a:solidFill>
                  </a:rPr>
                  <a:t>|10 BBY</a:t>
                </a:r>
              </a:p>
            </p:txBody>
          </p:sp>
          <p:sp>
            <p:nvSpPr>
              <p:cNvPr id="292" name="TextBox 291">
                <a:extLst>
                  <a:ext uri="{FF2B5EF4-FFF2-40B4-BE49-F238E27FC236}">
                    <a16:creationId xmlns:a16="http://schemas.microsoft.com/office/drawing/2014/main" id="{4B9E31AA-B1FF-96D8-E7BB-4230AB209CD5}"/>
                  </a:ext>
                </a:extLst>
              </p:cNvPr>
              <p:cNvSpPr txBox="1"/>
              <p:nvPr/>
            </p:nvSpPr>
            <p:spPr>
              <a:xfrm>
                <a:off x="5554225" y="554277"/>
                <a:ext cx="801641" cy="27531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100" b="1" dirty="0">
                    <a:solidFill>
                      <a:schemeClr val="bg1"/>
                    </a:solidFill>
                  </a:rPr>
                  <a:t>|20 BBY</a:t>
                </a:r>
              </a:p>
            </p:txBody>
          </p:sp>
          <p:sp>
            <p:nvSpPr>
              <p:cNvPr id="293" name="TextBox 292">
                <a:extLst>
                  <a:ext uri="{FF2B5EF4-FFF2-40B4-BE49-F238E27FC236}">
                    <a16:creationId xmlns:a16="http://schemas.microsoft.com/office/drawing/2014/main" id="{B126341D-061D-0A06-B097-57DD4E6585FF}"/>
                  </a:ext>
                </a:extLst>
              </p:cNvPr>
              <p:cNvSpPr txBox="1"/>
              <p:nvPr/>
            </p:nvSpPr>
            <p:spPr>
              <a:xfrm>
                <a:off x="4588616" y="554277"/>
                <a:ext cx="801641" cy="27531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100" b="1" dirty="0">
                    <a:solidFill>
                      <a:schemeClr val="bg1"/>
                    </a:solidFill>
                  </a:rPr>
                  <a:t>|30 BBY</a:t>
                </a:r>
              </a:p>
            </p:txBody>
          </p:sp>
          <p:sp>
            <p:nvSpPr>
              <p:cNvPr id="294" name="TextBox 293">
                <a:extLst>
                  <a:ext uri="{FF2B5EF4-FFF2-40B4-BE49-F238E27FC236}">
                    <a16:creationId xmlns:a16="http://schemas.microsoft.com/office/drawing/2014/main" id="{B635A58F-F355-E9BE-1005-3608C6DC55B4}"/>
                  </a:ext>
                </a:extLst>
              </p:cNvPr>
              <p:cNvSpPr txBox="1"/>
              <p:nvPr/>
            </p:nvSpPr>
            <p:spPr>
              <a:xfrm>
                <a:off x="3588592" y="554277"/>
                <a:ext cx="801641" cy="27531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100" b="1" dirty="0">
                    <a:solidFill>
                      <a:schemeClr val="bg1"/>
                    </a:solidFill>
                  </a:rPr>
                  <a:t>|40 BBY</a:t>
                </a:r>
              </a:p>
            </p:txBody>
          </p:sp>
          <p:sp>
            <p:nvSpPr>
              <p:cNvPr id="295" name="TextBox 294">
                <a:extLst>
                  <a:ext uri="{FF2B5EF4-FFF2-40B4-BE49-F238E27FC236}">
                    <a16:creationId xmlns:a16="http://schemas.microsoft.com/office/drawing/2014/main" id="{6082CB1B-8B0C-271E-E784-42221D7AC99F}"/>
                  </a:ext>
                </a:extLst>
              </p:cNvPr>
              <p:cNvSpPr txBox="1"/>
              <p:nvPr/>
            </p:nvSpPr>
            <p:spPr>
              <a:xfrm>
                <a:off x="2596876" y="554277"/>
                <a:ext cx="801641" cy="27531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100" b="1" dirty="0">
                    <a:solidFill>
                      <a:schemeClr val="bg1"/>
                    </a:solidFill>
                  </a:rPr>
                  <a:t>|50 BBY</a:t>
                </a:r>
              </a:p>
            </p:txBody>
          </p:sp>
        </p:grpSp>
      </p:grpSp>
      <p:sp>
        <p:nvSpPr>
          <p:cNvPr id="36" name="OTLSHAPE_SL2A_442dc1d9e5de419e8fcc233861d20fdf_BackgroundRectangle">
            <a:extLst>
              <a:ext uri="{FF2B5EF4-FFF2-40B4-BE49-F238E27FC236}">
                <a16:creationId xmlns:a16="http://schemas.microsoft.com/office/drawing/2014/main" id="{824EB9A2-9FC4-BC4C-4D21-3E2A00DF119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76895" y="1168182"/>
            <a:ext cx="10477500" cy="965200"/>
          </a:xfrm>
          <a:prstGeom prst="rect">
            <a:avLst/>
          </a:prstGeom>
          <a:solidFill>
            <a:srgbClr val="242424">
              <a:alpha val="80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39" name="OTLSHAPE_SL2A_0b866cb6f761489f9817e9bbdd0ad1c4_BackgroundRectangle">
            <a:extLst>
              <a:ext uri="{FF2B5EF4-FFF2-40B4-BE49-F238E27FC236}">
                <a16:creationId xmlns:a16="http://schemas.microsoft.com/office/drawing/2014/main" id="{8187E407-F147-32C8-5FAC-8CBECCFB8A2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876895" y="2133382"/>
            <a:ext cx="10477500" cy="965200"/>
          </a:xfrm>
          <a:prstGeom prst="rect">
            <a:avLst/>
          </a:prstGeom>
          <a:solidFill>
            <a:srgbClr val="C50D16">
              <a:alpha val="80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42" name="OTLSHAPE_SL2A_6cfe742f2ec646be933e4510c3837669_BackgroundRectangle">
            <a:extLst>
              <a:ext uri="{FF2B5EF4-FFF2-40B4-BE49-F238E27FC236}">
                <a16:creationId xmlns:a16="http://schemas.microsoft.com/office/drawing/2014/main" id="{5C678CE5-F60D-039A-75B7-0DE26C476EF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76895" y="3098582"/>
            <a:ext cx="10477500" cy="965200"/>
          </a:xfrm>
          <a:prstGeom prst="rect">
            <a:avLst/>
          </a:prstGeom>
          <a:solidFill>
            <a:srgbClr val="242424">
              <a:alpha val="80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23" name="OTLSHAPE_SL_a6fe5e6784a84c989f2c7bc11e826aa8_BackgroundRectangle">
            <a:extLst>
              <a:ext uri="{FF2B5EF4-FFF2-40B4-BE49-F238E27FC236}">
                <a16:creationId xmlns:a16="http://schemas.microsoft.com/office/drawing/2014/main" id="{139C7D94-5522-2DD5-6A42-DBDB2B789A9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127282"/>
            <a:ext cx="11290300" cy="564219"/>
          </a:xfrm>
          <a:prstGeom prst="rect">
            <a:avLst/>
          </a:prstGeom>
          <a:solidFill>
            <a:srgbClr val="F3DCB3">
              <a:alpha val="80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31" name="OTLSHAPE_SL_41c6a583645d4e07b1a120242ef91a41_BackgroundRectangle">
            <a:extLst>
              <a:ext uri="{FF2B5EF4-FFF2-40B4-BE49-F238E27FC236}">
                <a16:creationId xmlns:a16="http://schemas.microsoft.com/office/drawing/2014/main" id="{A2F65543-19FF-39E4-CF4A-63827F26224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755001"/>
            <a:ext cx="11290300" cy="1679956"/>
          </a:xfrm>
          <a:prstGeom prst="rect">
            <a:avLst/>
          </a:prstGeom>
          <a:solidFill>
            <a:srgbClr val="201652">
              <a:alpha val="80000"/>
            </a:srgbClr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264" name="OTLSHAPE_SL_cdeb765d709740abae711849eef7ca7c_BackgroundRectangle" hidden="1">
            <a:extLst>
              <a:ext uri="{FF2B5EF4-FFF2-40B4-BE49-F238E27FC236}">
                <a16:creationId xmlns:a16="http://schemas.microsoft.com/office/drawing/2014/main" id="{E341FFD5-2493-9A40-F486-39D3079CA9F8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1168182"/>
            <a:ext cx="11290300" cy="28956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6" name="OTLSHAPE_SL2A_93f363fd3ed7490da143fa5aab8248db_BackgroundRectangle" hidden="1">
            <a:extLst>
              <a:ext uri="{FF2B5EF4-FFF2-40B4-BE49-F238E27FC236}">
                <a16:creationId xmlns:a16="http://schemas.microsoft.com/office/drawing/2014/main" id="{BADD9D64-8A5F-0F21-52B5-E2A62DEBCDF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658709" y="4127282"/>
            <a:ext cx="9690100" cy="5642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7" name="OTLSHAPE_SL2A_0518ea1e3b2142c2a562eff8fa296081_BackgroundRectangle" hidden="1">
            <a:extLst>
              <a:ext uri="{FF2B5EF4-FFF2-40B4-BE49-F238E27FC236}">
                <a16:creationId xmlns:a16="http://schemas.microsoft.com/office/drawing/2014/main" id="{34611221-B54C-9DF9-D6DD-BF910A3142C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658709" y="4755001"/>
            <a:ext cx="9690100" cy="16799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TB_00000000000000000000000000000000_LeftEndCaps" hidden="1">
            <a:extLst>
              <a:ext uri="{FF2B5EF4-FFF2-40B4-BE49-F238E27FC236}">
                <a16:creationId xmlns:a16="http://schemas.microsoft.com/office/drawing/2014/main" id="{0FD6AC4E-10ED-9CA1-7EB4-DF586C50B602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1948</a:t>
            </a:r>
          </a:p>
        </p:txBody>
      </p:sp>
      <p:sp>
        <p:nvSpPr>
          <p:cNvPr id="259" name="OTLSHAPE_TB_00000000000000000000000000000000_RightEndCaps" hidden="1">
            <a:extLst>
              <a:ext uri="{FF2B5EF4-FFF2-40B4-BE49-F238E27FC236}">
                <a16:creationId xmlns:a16="http://schemas.microsoft.com/office/drawing/2014/main" id="{85E151CC-E436-213C-2569-DD55C6D5882D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37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5728EA11-E8E7-B817-31B7-96F3512BE4D7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785709" y="710982"/>
            <a:ext cx="9563100" cy="254000"/>
          </a:xfrm>
          <a:prstGeom prst="roundRect">
            <a:avLst/>
          </a:prstGeom>
          <a:solidFill>
            <a:srgbClr val="3CBFAF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161" name="OTLSHAPE_SL_cdeb765d709740abae711849eef7ca7c_HeaderRectangle">
            <a:extLst>
              <a:ext uri="{FF2B5EF4-FFF2-40B4-BE49-F238E27FC236}">
                <a16:creationId xmlns:a16="http://schemas.microsoft.com/office/drawing/2014/main" id="{1EDD3469-552D-E2DA-C8F3-AA4B17CFD392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1168182"/>
            <a:ext cx="825500" cy="2895600"/>
          </a:xfrm>
          <a:prstGeom prst="rect">
            <a:avLst/>
          </a:prstGeom>
          <a:solidFill>
            <a:schemeClr val="dk1"/>
          </a:solidFill>
          <a:ln w="28575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18" name="OTLSHAPE_SL2A_442dc1d9e5de419e8fcc233861d20fdf_HeaderRectangle">
            <a:extLst>
              <a:ext uri="{FF2B5EF4-FFF2-40B4-BE49-F238E27FC236}">
                <a16:creationId xmlns:a16="http://schemas.microsoft.com/office/drawing/2014/main" id="{59D2230B-8E39-BB47-A5C6-CB46F84DA4B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76895" y="1168182"/>
            <a:ext cx="787400" cy="965200"/>
          </a:xfrm>
          <a:prstGeom prst="rect">
            <a:avLst/>
          </a:prstGeom>
          <a:solidFill>
            <a:srgbClr val="242424">
              <a:alpha val="60000"/>
            </a:srgbClr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37" name="OTLSHAPE_SL2A_0b866cb6f761489f9817e9bbdd0ad1c4_HeaderRectangle">
            <a:extLst>
              <a:ext uri="{FF2B5EF4-FFF2-40B4-BE49-F238E27FC236}">
                <a16:creationId xmlns:a16="http://schemas.microsoft.com/office/drawing/2014/main" id="{1A9E4B14-D484-AB10-A3E2-E1158CFDB94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76895" y="2133382"/>
            <a:ext cx="787400" cy="965200"/>
          </a:xfrm>
          <a:prstGeom prst="rect">
            <a:avLst/>
          </a:prstGeom>
          <a:solidFill>
            <a:srgbClr val="C50D16"/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40" name="OTLSHAPE_SL2A_6cfe742f2ec646be933e4510c3837669_HeaderRectangle">
            <a:extLst>
              <a:ext uri="{FF2B5EF4-FFF2-40B4-BE49-F238E27FC236}">
                <a16:creationId xmlns:a16="http://schemas.microsoft.com/office/drawing/2014/main" id="{73D018A3-5A80-BDC1-474C-C64E64197C6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876895" y="3098582"/>
            <a:ext cx="787400" cy="965200"/>
          </a:xfrm>
          <a:prstGeom prst="rect">
            <a:avLst/>
          </a:prstGeom>
          <a:solidFill>
            <a:srgbClr val="242424">
              <a:alpha val="60000"/>
            </a:srgbClr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24" name="OTLSHAPE_SL_a6fe5e6784a84c989f2c7bc11e826aa8_HeaderRectangle">
            <a:extLst>
              <a:ext uri="{FF2B5EF4-FFF2-40B4-BE49-F238E27FC236}">
                <a16:creationId xmlns:a16="http://schemas.microsoft.com/office/drawing/2014/main" id="{7A8BCD5C-BA39-E7F0-9335-C90079324475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4127282"/>
            <a:ext cx="1600200" cy="564219"/>
          </a:xfrm>
          <a:prstGeom prst="rect">
            <a:avLst/>
          </a:prstGeom>
          <a:solidFill>
            <a:srgbClr val="F3DCB3"/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32" name="OTLSHAPE_SL_41c6a583645d4e07b1a120242ef91a41_HeaderRectangle">
            <a:extLst>
              <a:ext uri="{FF2B5EF4-FFF2-40B4-BE49-F238E27FC236}">
                <a16:creationId xmlns:a16="http://schemas.microsoft.com/office/drawing/2014/main" id="{C9250F9D-5D8B-10D4-08E5-70038F19462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4755001"/>
            <a:ext cx="1600200" cy="1679956"/>
          </a:xfrm>
          <a:prstGeom prst="rect">
            <a:avLst/>
          </a:prstGeom>
          <a:solidFill>
            <a:srgbClr val="201652"/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274" name="OTLSHAPE_SL2A_93f363fd3ed7490da143fa5aab8248db_HeaderRectangle" hidden="1">
            <a:extLst>
              <a:ext uri="{FF2B5EF4-FFF2-40B4-BE49-F238E27FC236}">
                <a16:creationId xmlns:a16="http://schemas.microsoft.com/office/drawing/2014/main" id="{3CF6F046-5A75-2B29-76B0-AAD84CE05427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658709" y="412728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0" name="OTLSHAPE_SL2A_0518ea1e3b2142c2a562eff8fa296081_HeaderRectangle" hidden="1">
            <a:extLst>
              <a:ext uri="{FF2B5EF4-FFF2-40B4-BE49-F238E27FC236}">
                <a16:creationId xmlns:a16="http://schemas.microsoft.com/office/drawing/2014/main" id="{D702A090-011F-BAEE-0A06-3A25479A947E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658709" y="4755001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" name="OTLSHAPE_SLT_0ce81bf2b18744bf89ca36681bb54269_Shape">
            <a:extLst>
              <a:ext uri="{FF2B5EF4-FFF2-40B4-BE49-F238E27FC236}">
                <a16:creationId xmlns:a16="http://schemas.microsoft.com/office/drawing/2014/main" id="{0804EAE7-5D68-C071-5F9A-42CE79D30F5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3062054" y="5027120"/>
            <a:ext cx="11811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C50D1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241" name="OTLSHAPE_SLT_8a453dae2e45468eb5db7c0047f5c253_Shape">
            <a:extLst>
              <a:ext uri="{FF2B5EF4-FFF2-40B4-BE49-F238E27FC236}">
                <a16:creationId xmlns:a16="http://schemas.microsoft.com/office/drawing/2014/main" id="{D8955DA2-BA61-6659-B0D0-B7173A16249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366682" y="5027120"/>
            <a:ext cx="3302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C50D1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243" name="OTLSHAPE_SLT_7e31e1bb0dac4a54b085918c5be1f0b2_Shape">
            <a:extLst>
              <a:ext uri="{FF2B5EF4-FFF2-40B4-BE49-F238E27FC236}">
                <a16:creationId xmlns:a16="http://schemas.microsoft.com/office/drawing/2014/main" id="{D9B0EA9C-7D2F-D887-D533-4A54F4750DFD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973372" y="5451638"/>
            <a:ext cx="60579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C50D1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245" name="OTLSHAPE_SLT_b102095e305044959ab9be2767d90e05_Shape">
            <a:extLst>
              <a:ext uri="{FF2B5EF4-FFF2-40B4-BE49-F238E27FC236}">
                <a16:creationId xmlns:a16="http://schemas.microsoft.com/office/drawing/2014/main" id="{15364261-410E-9EF8-FE74-C0ABF914457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078668" y="5638497"/>
            <a:ext cx="3302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C50D1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253" name="OTLSHAPE_SLT_f66704a315374f6da42d92295dfd3643_Shape">
            <a:extLst>
              <a:ext uri="{FF2B5EF4-FFF2-40B4-BE49-F238E27FC236}">
                <a16:creationId xmlns:a16="http://schemas.microsoft.com/office/drawing/2014/main" id="{ED4CF5D7-2274-928A-19CB-2E1FEA0D3F6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1024667" y="5638497"/>
            <a:ext cx="1143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C50D1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34" name="OTLSHAPE_SLT_d5149f2f524a4e79956923d66851ce2d_Shape">
            <a:extLst>
              <a:ext uri="{FF2B5EF4-FFF2-40B4-BE49-F238E27FC236}">
                <a16:creationId xmlns:a16="http://schemas.microsoft.com/office/drawing/2014/main" id="{AB872C2A-87C1-5B0B-2DAD-B8861F50997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033890" y="4504641"/>
            <a:ext cx="3302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54" name="OTLSHAPE_SLM_cf3f61d411bc4fedb94937eac9727985_Shape">
            <a:extLst>
              <a:ext uri="{FF2B5EF4-FFF2-40B4-BE49-F238E27FC236}">
                <a16:creationId xmlns:a16="http://schemas.microsoft.com/office/drawing/2014/main" id="{9900EC53-BCC6-8626-B916-C8CB17AF5C21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7295414" y="217148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DF1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M_6528f648fbcb496492e95a2b33fa5fb0_Shape">
            <a:extLst>
              <a:ext uri="{FF2B5EF4-FFF2-40B4-BE49-F238E27FC236}">
                <a16:creationId xmlns:a16="http://schemas.microsoft.com/office/drawing/2014/main" id="{6310EA51-4574-D69D-57E4-DF9C7350749A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720959" y="280648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DF1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M_269e647ea65045cebe3c47cc01473d32_Shape">
            <a:extLst>
              <a:ext uri="{FF2B5EF4-FFF2-40B4-BE49-F238E27FC236}">
                <a16:creationId xmlns:a16="http://schemas.microsoft.com/office/drawing/2014/main" id="{B40159AC-05C7-0218-74F0-5B423C99DE2B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7614209" y="248898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DF1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M_c2ae8d8ab56d410dbff72f2ecaa20b01_Shape">
            <a:extLst>
              <a:ext uri="{FF2B5EF4-FFF2-40B4-BE49-F238E27FC236}">
                <a16:creationId xmlns:a16="http://schemas.microsoft.com/office/drawing/2014/main" id="{F49CB690-95D6-4234-B57F-53F141DF96C7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859654" y="152378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DF1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M_8c2e4e912a8b4fc4b54a9bc2df9c0b1e_Shape">
            <a:extLst>
              <a:ext uri="{FF2B5EF4-FFF2-40B4-BE49-F238E27FC236}">
                <a16:creationId xmlns:a16="http://schemas.microsoft.com/office/drawing/2014/main" id="{78633EB8-1E1C-41E9-EFF1-8DD29FAD7A7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797390" y="120628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DF1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M_7b0c8137988c43b48d627962e396fae1_Shape">
            <a:extLst>
              <a:ext uri="{FF2B5EF4-FFF2-40B4-BE49-F238E27FC236}">
                <a16:creationId xmlns:a16="http://schemas.microsoft.com/office/drawing/2014/main" id="{06CCC687-0E83-4375-AF50-E54E8002FF9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5282581" y="184128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DF1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SLM_f5a9609bcc9c4d72b1a3aa7633770cb1_Shape">
            <a:extLst>
              <a:ext uri="{FF2B5EF4-FFF2-40B4-BE49-F238E27FC236}">
                <a16:creationId xmlns:a16="http://schemas.microsoft.com/office/drawing/2014/main" id="{523544F5-A5DD-84F4-5FB3-6F30B91E760B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1017407" y="377168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DF1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SLM_02bd01dab7d24a82b5e76ae8d597ce08_Shape">
            <a:extLst>
              <a:ext uri="{FF2B5EF4-FFF2-40B4-BE49-F238E27FC236}">
                <a16:creationId xmlns:a16="http://schemas.microsoft.com/office/drawing/2014/main" id="{4DED3A87-B709-D13A-2823-68D3432A1794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0910949" y="345418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DF1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M_8546c06ee9864aaa9431de75b29dc3e1_Shape">
            <a:extLst>
              <a:ext uri="{FF2B5EF4-FFF2-40B4-BE49-F238E27FC236}">
                <a16:creationId xmlns:a16="http://schemas.microsoft.com/office/drawing/2014/main" id="{F7E24651-A33C-B547-E9C6-66B2007BA084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0910658" y="313668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DF1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0" name="OTLSHAPE_SLM_668db1d8c2044c0fbcd74bded5c2f5b5_Shape">
            <a:extLst>
              <a:ext uri="{FF2B5EF4-FFF2-40B4-BE49-F238E27FC236}">
                <a16:creationId xmlns:a16="http://schemas.microsoft.com/office/drawing/2014/main" id="{B27043C2-A95C-85ED-6950-33F87AB88BD6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344263" y="5825357"/>
            <a:ext cx="228600" cy="254000"/>
          </a:xfrm>
          <a:prstGeom prst="star8">
            <a:avLst/>
          </a:prstGeom>
          <a:solidFill>
            <a:srgbClr val="C50D1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249" name="OTLSHAPE_SLM_298aaeb88764453ba4be91f069049a99_Shape">
            <a:extLst>
              <a:ext uri="{FF2B5EF4-FFF2-40B4-BE49-F238E27FC236}">
                <a16:creationId xmlns:a16="http://schemas.microsoft.com/office/drawing/2014/main" id="{EA2831AC-BFEC-66B4-8D4B-B3E90496662B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252672" y="5825357"/>
            <a:ext cx="228600" cy="254000"/>
          </a:xfrm>
          <a:prstGeom prst="star8">
            <a:avLst/>
          </a:prstGeom>
          <a:solidFill>
            <a:srgbClr val="C50D1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248" name="OTLSHAPE_SLM_453bfcc47f1445fc9b888d4e88b74ab4_Shape">
            <a:extLst>
              <a:ext uri="{FF2B5EF4-FFF2-40B4-BE49-F238E27FC236}">
                <a16:creationId xmlns:a16="http://schemas.microsoft.com/office/drawing/2014/main" id="{1C2F581C-9AC2-7BB5-348A-225D2D7A9CA2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768354" y="4963620"/>
            <a:ext cx="228600" cy="254000"/>
          </a:xfrm>
          <a:prstGeom prst="star8">
            <a:avLst/>
          </a:prstGeom>
          <a:solidFill>
            <a:srgbClr val="C50D1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247" name="OTLSHAPE_SLM_43a96d51abd84e34a09c24df6fbc0b01_Shape">
            <a:extLst>
              <a:ext uri="{FF2B5EF4-FFF2-40B4-BE49-F238E27FC236}">
                <a16:creationId xmlns:a16="http://schemas.microsoft.com/office/drawing/2014/main" id="{C1D0A7D8-627D-3887-D077-9CE53499E63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8572340" y="6142857"/>
            <a:ext cx="228600" cy="254000"/>
          </a:xfrm>
          <a:prstGeom prst="star8">
            <a:avLst/>
          </a:prstGeom>
          <a:solidFill>
            <a:srgbClr val="C50D1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252" name="OTLSHAPE_SLM_bbe921af04184eea975ca40554d52f35_Shape">
            <a:extLst>
              <a:ext uri="{FF2B5EF4-FFF2-40B4-BE49-F238E27FC236}">
                <a16:creationId xmlns:a16="http://schemas.microsoft.com/office/drawing/2014/main" id="{95374E61-DD56-7B66-92C0-C47F713BD42F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768063" y="6142857"/>
            <a:ext cx="228600" cy="254000"/>
          </a:xfrm>
          <a:prstGeom prst="star8">
            <a:avLst/>
          </a:prstGeom>
          <a:solidFill>
            <a:srgbClr val="C50D1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124" name="OTLSHAPE_SLM_2b3b8a8b903f4f68bbd92ff0342a1b29_Shape">
            <a:extLst>
              <a:ext uri="{FF2B5EF4-FFF2-40B4-BE49-F238E27FC236}">
                <a16:creationId xmlns:a16="http://schemas.microsoft.com/office/drawing/2014/main" id="{DE8A4173-8CD6-1A52-C6F7-21C794CB54C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859363" y="4165382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148" name="OTLSHAPE_SLM_7b551e9a3ff14a9d80072155a5eaf813_Shape">
            <a:extLst>
              <a:ext uri="{FF2B5EF4-FFF2-40B4-BE49-F238E27FC236}">
                <a16:creationId xmlns:a16="http://schemas.microsoft.com/office/drawing/2014/main" id="{465A7240-22A0-EE13-9386-3E1EC92AC6DC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295122" y="4165382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251" name="OTLSHAPE_SLM_0effc66fcfe9413d9437f7c0d8c69bc2_Shape">
            <a:extLst>
              <a:ext uri="{FF2B5EF4-FFF2-40B4-BE49-F238E27FC236}">
                <a16:creationId xmlns:a16="http://schemas.microsoft.com/office/drawing/2014/main" id="{E1547FD2-2F91-72E1-B0AE-70D33C9AC8A1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282872" y="6142857"/>
            <a:ext cx="228600" cy="254000"/>
          </a:xfrm>
          <a:prstGeom prst="star8">
            <a:avLst/>
          </a:prstGeom>
          <a:solidFill>
            <a:srgbClr val="C50D1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260" name="OTLSHAPE_TB_00000000000000000000000000000000_ElapsedTime" hidden="1">
            <a:extLst>
              <a:ext uri="{FF2B5EF4-FFF2-40B4-BE49-F238E27FC236}">
                <a16:creationId xmlns:a16="http://schemas.microsoft.com/office/drawing/2014/main" id="{7C8CF75B-E235-0BB7-F3A7-3559C014F3F8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785709" y="710982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9" name="OTLSHAPE_SLT_d5149f2f524a4e79956923d66851ce2d_ShapePercentage" hidden="1">
            <a:extLst>
              <a:ext uri="{FF2B5EF4-FFF2-40B4-BE49-F238E27FC236}">
                <a16:creationId xmlns:a16="http://schemas.microsoft.com/office/drawing/2014/main" id="{A991620A-BD80-8A2B-DF3C-FBABAB04A6F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033890" y="4504641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8" name="OTLSHAPE_SLT_0ce81bf2b18744bf89ca36681bb54269_ShapePercentage" hidden="1">
            <a:extLst>
              <a:ext uri="{FF2B5EF4-FFF2-40B4-BE49-F238E27FC236}">
                <a16:creationId xmlns:a16="http://schemas.microsoft.com/office/drawing/2014/main" id="{C7D1B621-BCB3-C8B0-A7C7-6EE4B124E284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062054" y="502712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" name="OTLSHAPE_SLT_8a453dae2e45468eb5db7c0047f5c253_ShapePercentage" hidden="1">
            <a:extLst>
              <a:ext uri="{FF2B5EF4-FFF2-40B4-BE49-F238E27FC236}">
                <a16:creationId xmlns:a16="http://schemas.microsoft.com/office/drawing/2014/main" id="{69DF9A85-643F-CAE4-3935-FCCB21E949C7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366682" y="502712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2" name="OTLSHAPE_SLT_7e31e1bb0dac4a54b085918c5be1f0b2_ShapePercentage" hidden="1">
            <a:extLst>
              <a:ext uri="{FF2B5EF4-FFF2-40B4-BE49-F238E27FC236}">
                <a16:creationId xmlns:a16="http://schemas.microsoft.com/office/drawing/2014/main" id="{5A3BEAAB-E820-0408-942D-E48B220C69A7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973372" y="5451638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" name="OTLSHAPE_SLT_b102095e305044959ab9be2767d90e05_ShapePercentage" hidden="1">
            <a:extLst>
              <a:ext uri="{FF2B5EF4-FFF2-40B4-BE49-F238E27FC236}">
                <a16:creationId xmlns:a16="http://schemas.microsoft.com/office/drawing/2014/main" id="{21060307-BFD0-C9A7-88EF-5F52E6D0B921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5078668" y="563849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T_f66704a315374f6da42d92295dfd3643_ShapePercentage" hidden="1">
            <a:extLst>
              <a:ext uri="{FF2B5EF4-FFF2-40B4-BE49-F238E27FC236}">
                <a16:creationId xmlns:a16="http://schemas.microsoft.com/office/drawing/2014/main" id="{0DA31007-091E-A653-DA4A-663838884010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1024667" y="563849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" name="OTLSHAPE_SL_cdeb765d709740abae711849eef7ca7c_Header">
            <a:extLst>
              <a:ext uri="{FF2B5EF4-FFF2-40B4-BE49-F238E27FC236}">
                <a16:creationId xmlns:a16="http://schemas.microsoft.com/office/drawing/2014/main" id="{85191ADF-8DA6-B130-C46E-E1FDDCF860B0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 rot="16200000">
            <a:off x="-977602" y="2491966"/>
            <a:ext cx="28956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dirty="0">
                <a:solidFill>
                  <a:schemeClr val="lt1"/>
                </a:solidFill>
                <a:latin typeface="Calibri" panose="020F0502020204030204" pitchFamily="34" charset="0"/>
              </a:rPr>
              <a:t>EPISODES (I-IX)</a:t>
            </a:r>
          </a:p>
        </p:txBody>
      </p:sp>
      <p:sp>
        <p:nvSpPr>
          <p:cNvPr id="28" name="OTLSHAPE_SL2A_442dc1d9e5de419e8fcc233861d20fdf_Header">
            <a:extLst>
              <a:ext uri="{FF2B5EF4-FFF2-40B4-BE49-F238E27FC236}">
                <a16:creationId xmlns:a16="http://schemas.microsoft.com/office/drawing/2014/main" id="{5F3D00FC-C62D-F22F-198D-FE978D3A310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940395" y="1565523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lt1"/>
                </a:solidFill>
              </a:rPr>
              <a:t>Prequels</a:t>
            </a:r>
          </a:p>
        </p:txBody>
      </p:sp>
      <p:sp>
        <p:nvSpPr>
          <p:cNvPr id="38" name="OTLSHAPE_SL2A_0b866cb6f761489f9817e9bbdd0ad1c4_Header">
            <a:extLst>
              <a:ext uri="{FF2B5EF4-FFF2-40B4-BE49-F238E27FC236}">
                <a16:creationId xmlns:a16="http://schemas.microsoft.com/office/drawing/2014/main" id="{6970C830-7CFD-A711-178D-EED1881E6D08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940395" y="2530723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Originals</a:t>
            </a:r>
          </a:p>
        </p:txBody>
      </p:sp>
      <p:sp>
        <p:nvSpPr>
          <p:cNvPr id="41" name="OTLSHAPE_SL2A_6cfe742f2ec646be933e4510c3837669_Header">
            <a:extLst>
              <a:ext uri="{FF2B5EF4-FFF2-40B4-BE49-F238E27FC236}">
                <a16:creationId xmlns:a16="http://schemas.microsoft.com/office/drawing/2014/main" id="{EDB8F027-CECE-797F-574A-5D694F16EACB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940395" y="3495923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Sequels</a:t>
            </a:r>
          </a:p>
        </p:txBody>
      </p:sp>
      <p:sp>
        <p:nvSpPr>
          <p:cNvPr id="25" name="OTLSHAPE_SL_a6fe5e6784a84c989f2c7bc11e826aa8_Header">
            <a:extLst>
              <a:ext uri="{FF2B5EF4-FFF2-40B4-BE49-F238E27FC236}">
                <a16:creationId xmlns:a16="http://schemas.microsoft.com/office/drawing/2014/main" id="{DAD33A90-F487-29F6-F2F8-B9363BCAFE2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3500" y="4285376"/>
            <a:ext cx="16002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b="1" dirty="0">
                <a:solidFill>
                  <a:schemeClr val="dk1"/>
                </a:solidFill>
                <a:latin typeface="Calibri" panose="020F0502020204030204" pitchFamily="34" charset="0"/>
              </a:rPr>
              <a:t>Other Movies</a:t>
            </a:r>
          </a:p>
        </p:txBody>
      </p:sp>
      <p:sp>
        <p:nvSpPr>
          <p:cNvPr id="33" name="OTLSHAPE_SL_41c6a583645d4e07b1a120242ef91a41_Header">
            <a:extLst>
              <a:ext uri="{FF2B5EF4-FFF2-40B4-BE49-F238E27FC236}">
                <a16:creationId xmlns:a16="http://schemas.microsoft.com/office/drawing/2014/main" id="{1A1B349C-D119-BEEB-0CF9-23B3E4184330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3500" y="5346948"/>
            <a:ext cx="1600200" cy="4960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b="1" spc="-42" dirty="0">
                <a:solidFill>
                  <a:schemeClr val="lt1"/>
                </a:solidFill>
                <a:latin typeface="Calibri" panose="020F0502020204030204" pitchFamily="34" charset="0"/>
              </a:rPr>
              <a:t>TELEVISION                 SERIES</a:t>
            </a:r>
          </a:p>
        </p:txBody>
      </p:sp>
      <p:sp>
        <p:nvSpPr>
          <p:cNvPr id="275" name="OTLSHAPE_SL2A_93f363fd3ed7490da143fa5aab8248db_Header" hidden="1">
            <a:extLst>
              <a:ext uri="{FF2B5EF4-FFF2-40B4-BE49-F238E27FC236}">
                <a16:creationId xmlns:a16="http://schemas.microsoft.com/office/drawing/2014/main" id="{97D1AC18-42E5-FB5F-4A36-AC46CB3D4D1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96" name="OTLSHAPE_SL2A_0518ea1e3b2142c2a562eff8fa296081_Header" hidden="1">
            <a:extLst>
              <a:ext uri="{FF2B5EF4-FFF2-40B4-BE49-F238E27FC236}">
                <a16:creationId xmlns:a16="http://schemas.microsoft.com/office/drawing/2014/main" id="{2C63F286-712D-6A06-AFDE-A02E0E559EFA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1" name="OTLSHAPE_TB_00000000000000000000000000000000_TodayMarkerShape" hidden="1">
            <a:extLst>
              <a:ext uri="{FF2B5EF4-FFF2-40B4-BE49-F238E27FC236}">
                <a16:creationId xmlns:a16="http://schemas.microsoft.com/office/drawing/2014/main" id="{3393E7D6-9AA7-B68F-E502-E67A1D988264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9819820" y="964982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3D0E85CD-FCF4-8A15-1402-82B49424CE01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849209" y="76047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rgbClr val="3CBFAF"/>
                </a:solidFill>
                <a:latin typeface="Calibri" panose="020F0502020204030204" pitchFamily="34" charset="0"/>
              </a:rPr>
              <a:t>1948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00E423E-57DE-82B6-9936-8C2DCBA0EB1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805595" y="76047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rgbClr val="3CBFAF"/>
                </a:solidFill>
                <a:latin typeface="Calibri" panose="020F0502020204030204" pitchFamily="34" charset="0"/>
              </a:rPr>
              <a:t>1957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02EDF050-B2B1-4D7F-9123-C11A6565A7D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761691" y="76047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rgbClr val="3CBFAF"/>
                </a:solidFill>
                <a:latin typeface="Calibri" panose="020F0502020204030204" pitchFamily="34" charset="0"/>
              </a:rPr>
              <a:t>1966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997A15CA-5E32-591C-7062-902860425ED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4717786" y="76047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rgbClr val="3CBFAF"/>
                </a:solidFill>
                <a:latin typeface="Calibri" panose="020F0502020204030204" pitchFamily="34" charset="0"/>
              </a:rPr>
              <a:t>1975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E52E0BE3-9C35-87ED-88A2-28F678540F4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673881" y="76047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rgbClr val="3CBFAF"/>
                </a:solidFill>
                <a:latin typeface="Calibri" panose="020F0502020204030204" pitchFamily="34" charset="0"/>
              </a:rPr>
              <a:t>1984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CDE2C658-EA52-9DB8-F458-6C9D347E920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630267" y="76047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rgbClr val="3CBFAF"/>
                </a:solidFill>
                <a:latin typeface="Calibri" panose="020F0502020204030204" pitchFamily="34" charset="0"/>
              </a:rPr>
              <a:t>1993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19F6DD60-3006-CEDE-D19A-2BCFF13C324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586363" y="76047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rgbClr val="3CBFAF"/>
                </a:solidFill>
                <a:latin typeface="Calibri" panose="020F0502020204030204" pitchFamily="34" charset="0"/>
              </a:rPr>
              <a:t>2002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911A4574-5E58-C6DA-9D16-70D2A37862C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542458" y="76047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rgbClr val="3CBFAF"/>
                </a:solidFill>
                <a:latin typeface="Calibri" panose="020F0502020204030204" pitchFamily="34" charset="0"/>
              </a:rPr>
              <a:t>2011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01496555-CE59-C7C4-55C6-F9A7806D482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498554" y="76047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rgbClr val="3CBFAF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8BA6337C-205D-E344-CDA3-F0542C501E4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454939" y="76047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rgbClr val="3CBFAF"/>
                </a:solidFill>
                <a:latin typeface="Calibri" panose="020F0502020204030204" pitchFamily="34" charset="0"/>
              </a:rPr>
              <a:t>2029</a:t>
            </a:r>
          </a:p>
        </p:txBody>
      </p:sp>
      <p:sp>
        <p:nvSpPr>
          <p:cNvPr id="184" name="OTLSHAPE_SLM_cf3f61d411bc4fedb94937eac9727985_Title">
            <a:extLst>
              <a:ext uri="{FF2B5EF4-FFF2-40B4-BE49-F238E27FC236}">
                <a16:creationId xmlns:a16="http://schemas.microsoft.com/office/drawing/2014/main" id="{1C84387E-E67F-EF29-63D3-74178FD69423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810658" y="2213223"/>
            <a:ext cx="243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Star Wars Episode IV: A New Hope (0 ABY)</a:t>
            </a:r>
            <a:endParaRPr lang="en-US" sz="11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SLM_6528f648fbcb496492e95a2b33fa5fb0_Title">
            <a:extLst>
              <a:ext uri="{FF2B5EF4-FFF2-40B4-BE49-F238E27FC236}">
                <a16:creationId xmlns:a16="http://schemas.microsoft.com/office/drawing/2014/main" id="{2A39C7B6-AE5A-F78B-2349-F8035AEA9D3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926662" y="2848223"/>
            <a:ext cx="275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Star Wars Episode VI: Return of the Jedi (4 ABY)</a:t>
            </a:r>
            <a:endParaRPr lang="en-US" sz="11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9" name="OTLSHAPE_SLM_269e647ea65045cebe3c47cc01473d32_Title">
            <a:extLst>
              <a:ext uri="{FF2B5EF4-FFF2-40B4-BE49-F238E27FC236}">
                <a16:creationId xmlns:a16="http://schemas.microsoft.com/office/drawing/2014/main" id="{01F08758-F829-3252-1C90-81D8B1522F1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509694" y="2530723"/>
            <a:ext cx="306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b="1" spc="-4" dirty="0">
                <a:solidFill>
                  <a:schemeClr val="lt1"/>
                </a:solidFill>
              </a:rPr>
              <a:t>Star Wars Episode V: The Empire Strikes Back (3 ABY)</a:t>
            </a:r>
            <a:endParaRPr lang="en-US" sz="1100" b="1" spc="-4" dirty="0">
              <a:solidFill>
                <a:schemeClr val="lt1"/>
              </a:solidFill>
            </a:endParaRPr>
          </a:p>
        </p:txBody>
      </p:sp>
      <p:sp>
        <p:nvSpPr>
          <p:cNvPr id="196" name="OTLSHAPE_SLM_c2ae8d8ab56d410dbff72f2ecaa20b01_Title">
            <a:extLst>
              <a:ext uri="{FF2B5EF4-FFF2-40B4-BE49-F238E27FC236}">
                <a16:creationId xmlns:a16="http://schemas.microsoft.com/office/drawing/2014/main" id="{6459CE76-192C-0875-E8FF-B56DA71A0C8B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139054" y="1565523"/>
            <a:ext cx="289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Star Wars Episode II: Attack of the Clones (22 BBY)</a:t>
            </a:r>
            <a:endParaRPr lang="en-US" sz="1100" b="1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9" name="OTLSHAPE_SLM_8c2e4e912a8b4fc4b54a9bc2df9c0b1e_Title">
            <a:extLst>
              <a:ext uri="{FF2B5EF4-FFF2-40B4-BE49-F238E27FC236}">
                <a16:creationId xmlns:a16="http://schemas.microsoft.com/office/drawing/2014/main" id="{D82C7179-7A7C-1A45-839C-31D4D9FEF76D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076790" y="1248023"/>
            <a:ext cx="297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Star Wars Episode I: The Phantom Menace (32 BBY)</a:t>
            </a:r>
            <a:endParaRPr lang="en-US" sz="11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SLM_7b0c8137988c43b48d627962e396fae1_Title">
            <a:extLst>
              <a:ext uri="{FF2B5EF4-FFF2-40B4-BE49-F238E27FC236}">
                <a16:creationId xmlns:a16="http://schemas.microsoft.com/office/drawing/2014/main" id="{BD37435E-F677-3B10-A296-7CFD9C89F2A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561981" y="1883023"/>
            <a:ext cx="289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Star Wars Episode III: Revenge of the Sith (19 BBY)</a:t>
            </a:r>
            <a:endParaRPr lang="en-US" sz="11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7" name="OTLSHAPE_SLM_f5a9609bcc9c4d72b1a3aa7633770cb1_Title">
            <a:extLst>
              <a:ext uri="{FF2B5EF4-FFF2-40B4-BE49-F238E27FC236}">
                <a16:creationId xmlns:a16="http://schemas.microsoft.com/office/drawing/2014/main" id="{010FCADB-C38D-3C69-9520-D7593294E509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928937" y="3813423"/>
            <a:ext cx="304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Star Wars Episode IX: The Rise of Skywalker (35 ABY)</a:t>
            </a:r>
            <a:endParaRPr lang="en-US" sz="11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0" name="OTLSHAPE_SLM_02bd01dab7d24a82b5e76ae8d597ce08_Title">
            <a:extLst>
              <a:ext uri="{FF2B5EF4-FFF2-40B4-BE49-F238E27FC236}">
                <a16:creationId xmlns:a16="http://schemas.microsoft.com/office/drawing/2014/main" id="{7934624E-744D-89EE-BD12-7AE7DE5AEE7B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264903" y="3495923"/>
            <a:ext cx="260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Star Wars Episode VIII: The Last Jedi (34 ABY)</a:t>
            </a:r>
            <a:endParaRPr lang="en-US" sz="11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SLM_8546c06ee9864aaa9431de75b29dc3e1_Title">
            <a:extLst>
              <a:ext uri="{FF2B5EF4-FFF2-40B4-BE49-F238E27FC236}">
                <a16:creationId xmlns:a16="http://schemas.microsoft.com/office/drawing/2014/main" id="{65289486-E9AE-CBCD-C951-223DB07CB52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7923871" y="3178423"/>
            <a:ext cx="294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Star Wars Episode VII: The Force Awakens (34 ABY)</a:t>
            </a:r>
            <a:endParaRPr lang="en-US" sz="11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M_668db1d8c2044c0fbcd74bded5c2f5b5_Title">
            <a:extLst>
              <a:ext uri="{FF2B5EF4-FFF2-40B4-BE49-F238E27FC236}">
                <a16:creationId xmlns:a16="http://schemas.microsoft.com/office/drawing/2014/main" id="{FD12F357-793A-01D4-6F15-FA80F129D3D6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4900950" y="5867097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Obi-Wan Kenobi (9 BBY)</a:t>
            </a:r>
          </a:p>
        </p:txBody>
      </p:sp>
      <p:sp>
        <p:nvSpPr>
          <p:cNvPr id="99" name="OTLSHAPE_SLM_298aaeb88764453ba4be91f069049a99_Title">
            <a:extLst>
              <a:ext uri="{FF2B5EF4-FFF2-40B4-BE49-F238E27FC236}">
                <a16:creationId xmlns:a16="http://schemas.microsoft.com/office/drawing/2014/main" id="{58531281-81DE-6896-F62F-0C6A191F0DA8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532072" y="5867097"/>
            <a:ext cx="173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The Book of Boba Fett (9 ABY)</a:t>
            </a:r>
            <a:endParaRPr lang="en-US" sz="11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SLM_453bfcc47f1445fc9b888d4e88b74ab4_Title">
            <a:extLst>
              <a:ext uri="{FF2B5EF4-FFF2-40B4-BE49-F238E27FC236}">
                <a16:creationId xmlns:a16="http://schemas.microsoft.com/office/drawing/2014/main" id="{826887B0-940B-B331-C981-ADC155A5311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155029" y="4793101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Star Wars: Rebels (5 BBY)</a:t>
            </a:r>
          </a:p>
        </p:txBody>
      </p:sp>
      <p:sp>
        <p:nvSpPr>
          <p:cNvPr id="110" name="OTLSHAPE_SLM_43a96d51abd84e34a09c24df6fbc0b01_Title">
            <a:extLst>
              <a:ext uri="{FF2B5EF4-FFF2-40B4-BE49-F238E27FC236}">
                <a16:creationId xmlns:a16="http://schemas.microsoft.com/office/drawing/2014/main" id="{409DB4FF-385E-8A48-C660-5EADFEED73B3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851740" y="6184597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Ahsoka (12 ABY)</a:t>
            </a:r>
          </a:p>
        </p:txBody>
      </p:sp>
      <p:sp>
        <p:nvSpPr>
          <p:cNvPr id="113" name="OTLSHAPE_SLM_bbe921af04184eea975ca40554d52f35_Title">
            <a:extLst>
              <a:ext uri="{FF2B5EF4-FFF2-40B4-BE49-F238E27FC236}">
                <a16:creationId xmlns:a16="http://schemas.microsoft.com/office/drawing/2014/main" id="{6A77888B-4EE8-6D16-7320-D0C82B3303F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5912464" y="6184597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Andor (5 BBY)</a:t>
            </a:r>
          </a:p>
        </p:txBody>
      </p:sp>
      <p:sp>
        <p:nvSpPr>
          <p:cNvPr id="131" name="OTLSHAPE_SLM_2b3b8a8b903f4f68bbd92ff0342a1b29_Title">
            <a:extLst>
              <a:ext uri="{FF2B5EF4-FFF2-40B4-BE49-F238E27FC236}">
                <a16:creationId xmlns:a16="http://schemas.microsoft.com/office/drawing/2014/main" id="{BC084E77-3BFF-2F6D-9526-8995AF822DC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365252" y="4207123"/>
            <a:ext cx="245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tar Wars: The Clone Wars Movie (22 BBY)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SLM_7b551e9a3ff14a9d80072155a5eaf813_Title">
            <a:extLst>
              <a:ext uri="{FF2B5EF4-FFF2-40B4-BE49-F238E27FC236}">
                <a16:creationId xmlns:a16="http://schemas.microsoft.com/office/drawing/2014/main" id="{8BBAF49B-C588-D677-3769-D5C81E7035A2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574522" y="4207123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ogue One: A Star Wars Story (0 ABY)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SLT_0ce81bf2b18744bf89ca36681bb54269_Title">
            <a:extLst>
              <a:ext uri="{FF2B5EF4-FFF2-40B4-BE49-F238E27FC236}">
                <a16:creationId xmlns:a16="http://schemas.microsoft.com/office/drawing/2014/main" id="{307455AD-284F-9612-0085-A7C19A07F8FD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062054" y="4856601"/>
            <a:ext cx="226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Star Wars: Tales of the Jedi (40-19 BBY)</a:t>
            </a:r>
            <a:endParaRPr lang="en-US" sz="1100" b="1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8a453dae2e45468eb5db7c0047f5c253_Title">
            <a:extLst>
              <a:ext uri="{FF2B5EF4-FFF2-40B4-BE49-F238E27FC236}">
                <a16:creationId xmlns:a16="http://schemas.microsoft.com/office/drawing/2014/main" id="{91CCFF43-5FEA-B385-8052-A3473DDED7BD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366682" y="4856601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The Mandalorian (9-12 ABY)</a:t>
            </a:r>
          </a:p>
        </p:txBody>
      </p:sp>
      <p:sp>
        <p:nvSpPr>
          <p:cNvPr id="219" name="OTLSHAPE_SLT_7e31e1bb0dac4a54b085918c5be1f0b2_Title">
            <a:extLst>
              <a:ext uri="{FF2B5EF4-FFF2-40B4-BE49-F238E27FC236}">
                <a16:creationId xmlns:a16="http://schemas.microsoft.com/office/drawing/2014/main" id="{9A230CE9-9590-B57B-75F6-10620144B122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4973372" y="5281120"/>
            <a:ext cx="361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Star Wars Forces of Destiny Anthology Series (22 BBY - 35 ABY)</a:t>
            </a:r>
            <a:endParaRPr lang="en-US" sz="1100" b="1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SLM_0effc66fcfe9413d9437f7c0d8c69bc2_Title">
            <a:extLst>
              <a:ext uri="{FF2B5EF4-FFF2-40B4-BE49-F238E27FC236}">
                <a16:creationId xmlns:a16="http://schemas.microsoft.com/office/drawing/2014/main" id="{01C0F9C6-C27F-5AE9-EB0E-0121D9317445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262344" y="6184597"/>
            <a:ext cx="198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chemeClr val="lt1"/>
                </a:solidFill>
                <a:latin typeface="Calibri" panose="020F0502020204030204" pitchFamily="34" charset="0"/>
              </a:rPr>
              <a:t>Star Wars: The Bad Batch (19 BBY)</a:t>
            </a:r>
            <a:endParaRPr lang="en-US" sz="11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0" name="OTLSHAPE_SLT_b102095e305044959ab9be2767d90e05_Title">
            <a:extLst>
              <a:ext uri="{FF2B5EF4-FFF2-40B4-BE49-F238E27FC236}">
                <a16:creationId xmlns:a16="http://schemas.microsoft.com/office/drawing/2014/main" id="{938F79C4-9D57-C083-6E0E-13ABEF0E7F2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421277" y="5616738"/>
            <a:ext cx="261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Star Wars: The Clone Wars Series (22-19 BBY)</a:t>
            </a:r>
            <a:endParaRPr lang="en-US" sz="1100" b="1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8" name="OTLSHAPE_SLT_f66704a315374f6da42d92295dfd3643_Title">
            <a:extLst>
              <a:ext uri="{FF2B5EF4-FFF2-40B4-BE49-F238E27FC236}">
                <a16:creationId xmlns:a16="http://schemas.microsoft.com/office/drawing/2014/main" id="{B582786D-AB75-4C6E-B83A-80197AD643B5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9028396" y="5616738"/>
            <a:ext cx="195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Star Wars: Resistance (34-35 ABY)</a:t>
            </a:r>
            <a:endParaRPr lang="en-US" sz="1100" b="1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SLT_d5149f2f524a4e79956923d66851ce2d_Title">
            <a:extLst>
              <a:ext uri="{FF2B5EF4-FFF2-40B4-BE49-F238E27FC236}">
                <a16:creationId xmlns:a16="http://schemas.microsoft.com/office/drawing/2014/main" id="{CCFC7880-58AB-0E45-F256-187FE5A34B13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403777" y="4482882"/>
            <a:ext cx="203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olo: A Star Wars Story (13-10 BBY)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2" name="OTLSHAPE_TB_00000000000000000000000000000000_TodayMarkerText" hidden="1">
            <a:extLst>
              <a:ext uri="{FF2B5EF4-FFF2-40B4-BE49-F238E27FC236}">
                <a16:creationId xmlns:a16="http://schemas.microsoft.com/office/drawing/2014/main" id="{B22B9D99-50AE-B32C-21B6-AA72AA5E43B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65" name="OTLSHAPE_SLM_8c2e4e912a8b4fc4b54a9bc2df9c0b1e_Date" hidden="1">
            <a:extLst>
              <a:ext uri="{FF2B5EF4-FFF2-40B4-BE49-F238E27FC236}">
                <a16:creationId xmlns:a16="http://schemas.microsoft.com/office/drawing/2014/main" id="{C5A22CCB-C638-F05E-8FFF-2188303C5FC2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4</a:t>
            </a:r>
          </a:p>
        </p:txBody>
      </p:sp>
      <p:sp>
        <p:nvSpPr>
          <p:cNvPr id="266" name="OTLSHAPE_SLM_c2ae8d8ab56d410dbff72f2ecaa20b01_Date" hidden="1">
            <a:extLst>
              <a:ext uri="{FF2B5EF4-FFF2-40B4-BE49-F238E27FC236}">
                <a16:creationId xmlns:a16="http://schemas.microsoft.com/office/drawing/2014/main" id="{BCC44ABA-EDCA-F8E5-1952-25F0C55AD638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3</a:t>
            </a:r>
          </a:p>
        </p:txBody>
      </p:sp>
      <p:sp>
        <p:nvSpPr>
          <p:cNvPr id="267" name="OTLSHAPE_SLM_7b0c8137988c43b48d627962e396fae1_Date" hidden="1">
            <a:extLst>
              <a:ext uri="{FF2B5EF4-FFF2-40B4-BE49-F238E27FC236}">
                <a16:creationId xmlns:a16="http://schemas.microsoft.com/office/drawing/2014/main" id="{A3F19B27-BFDC-4A33-5D7B-01A85C378655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27</a:t>
            </a:r>
          </a:p>
        </p:txBody>
      </p:sp>
      <p:sp>
        <p:nvSpPr>
          <p:cNvPr id="268" name="OTLSHAPE_SLM_cf3f61d411bc4fedb94937eac9727985_Date" hidden="1">
            <a:extLst>
              <a:ext uri="{FF2B5EF4-FFF2-40B4-BE49-F238E27FC236}">
                <a16:creationId xmlns:a16="http://schemas.microsoft.com/office/drawing/2014/main" id="{0B523F62-458F-AABC-FAA7-3640B6F59502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7</a:t>
            </a:r>
          </a:p>
        </p:txBody>
      </p:sp>
      <p:sp>
        <p:nvSpPr>
          <p:cNvPr id="269" name="OTLSHAPE_SLM_269e647ea65045cebe3c47cc01473d32_Date" hidden="1">
            <a:extLst>
              <a:ext uri="{FF2B5EF4-FFF2-40B4-BE49-F238E27FC236}">
                <a16:creationId xmlns:a16="http://schemas.microsoft.com/office/drawing/2014/main" id="{27F208FB-0054-E953-6023-69CE22C6D4C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8</a:t>
            </a:r>
          </a:p>
        </p:txBody>
      </p:sp>
      <p:sp>
        <p:nvSpPr>
          <p:cNvPr id="270" name="OTLSHAPE_SLM_6528f648fbcb496492e95a2b33fa5fb0_Date" hidden="1">
            <a:extLst>
              <a:ext uri="{FF2B5EF4-FFF2-40B4-BE49-F238E27FC236}">
                <a16:creationId xmlns:a16="http://schemas.microsoft.com/office/drawing/2014/main" id="{947FD029-E9B1-509E-6B49-9F88B7F29B43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9</a:t>
            </a:r>
          </a:p>
        </p:txBody>
      </p:sp>
      <p:sp>
        <p:nvSpPr>
          <p:cNvPr id="271" name="OTLSHAPE_SLM_8546c06ee9864aaa9431de75b29dc3e1_Date" hidden="1">
            <a:extLst>
              <a:ext uri="{FF2B5EF4-FFF2-40B4-BE49-F238E27FC236}">
                <a16:creationId xmlns:a16="http://schemas.microsoft.com/office/drawing/2014/main" id="{9F5265A7-763F-BE4C-9CF7-48743139628B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18</a:t>
            </a:r>
          </a:p>
        </p:txBody>
      </p:sp>
      <p:sp>
        <p:nvSpPr>
          <p:cNvPr id="272" name="OTLSHAPE_SLM_02bd01dab7d24a82b5e76ae8d597ce08_Date" hidden="1">
            <a:extLst>
              <a:ext uri="{FF2B5EF4-FFF2-40B4-BE49-F238E27FC236}">
                <a16:creationId xmlns:a16="http://schemas.microsoft.com/office/drawing/2014/main" id="{12B3B469-CF11-84FA-21BF-BF0E63D82071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19</a:t>
            </a:r>
          </a:p>
        </p:txBody>
      </p:sp>
      <p:sp>
        <p:nvSpPr>
          <p:cNvPr id="273" name="OTLSHAPE_SLM_f5a9609bcc9c4d72b1a3aa7633770cb1_Date" hidden="1">
            <a:extLst>
              <a:ext uri="{FF2B5EF4-FFF2-40B4-BE49-F238E27FC236}">
                <a16:creationId xmlns:a16="http://schemas.microsoft.com/office/drawing/2014/main" id="{9DFD75D9-04DC-825D-9DFD-1D3029735A8F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277" name="OTLSHAPE_SLM_2b3b8a8b903f4f68bbd92ff0342a1b29_Date" hidden="1">
            <a:extLst>
              <a:ext uri="{FF2B5EF4-FFF2-40B4-BE49-F238E27FC236}">
                <a16:creationId xmlns:a16="http://schemas.microsoft.com/office/drawing/2014/main" id="{D2AF15BE-C130-DE6D-5E00-84A55324CB5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2</a:t>
            </a:r>
          </a:p>
        </p:txBody>
      </p:sp>
      <p:sp>
        <p:nvSpPr>
          <p:cNvPr id="278" name="OTLSHAPE_SLM_7b551e9a3ff14a9d80072155a5eaf813_Date" hidden="1">
            <a:extLst>
              <a:ext uri="{FF2B5EF4-FFF2-40B4-BE49-F238E27FC236}">
                <a16:creationId xmlns:a16="http://schemas.microsoft.com/office/drawing/2014/main" id="{7AEF76CA-D249-915C-C500-B258784E4938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6</a:t>
            </a:r>
          </a:p>
        </p:txBody>
      </p:sp>
      <p:sp>
        <p:nvSpPr>
          <p:cNvPr id="280" name="OTLSHAPE_SLT_d5149f2f524a4e79956923d66851ce2d_Duration" hidden="1">
            <a:extLst>
              <a:ext uri="{FF2B5EF4-FFF2-40B4-BE49-F238E27FC236}">
                <a16:creationId xmlns:a16="http://schemas.microsoft.com/office/drawing/2014/main" id="{838B8C0B-8995-5A88-7DA4-8E90BC3E9965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84 days</a:t>
            </a:r>
          </a:p>
        </p:txBody>
      </p:sp>
      <p:sp>
        <p:nvSpPr>
          <p:cNvPr id="281" name="OTLSHAPE_SLT_d5149f2f524a4e79956923d66851ce2d_TextPercentage" hidden="1">
            <a:extLst>
              <a:ext uri="{FF2B5EF4-FFF2-40B4-BE49-F238E27FC236}">
                <a16:creationId xmlns:a16="http://schemas.microsoft.com/office/drawing/2014/main" id="{E14C3211-427F-4D90-06DE-E91C8972A96E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d5149f2f524a4e79956923d66851ce2d_JoinedDate" hidden="1">
            <a:extLst>
              <a:ext uri="{FF2B5EF4-FFF2-40B4-BE49-F238E27FC236}">
                <a16:creationId xmlns:a16="http://schemas.microsoft.com/office/drawing/2014/main" id="{685DE113-0B28-D587-A97A-F39F300B669E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695186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26 - Dec 27</a:t>
            </a:r>
          </a:p>
        </p:txBody>
      </p:sp>
      <p:sp>
        <p:nvSpPr>
          <p:cNvPr id="44" name="OTLSHAPE_SLT_d5149f2f524a4e79956923d66851ce2d_StartDate" hidden="1">
            <a:extLst>
              <a:ext uri="{FF2B5EF4-FFF2-40B4-BE49-F238E27FC236}">
                <a16:creationId xmlns:a16="http://schemas.microsoft.com/office/drawing/2014/main" id="{DDE5DC39-DA79-1DC9-17BB-82E1C8ED1E61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T_d5149f2f524a4e79956923d66851ce2d_EndDate" hidden="1">
            <a:extLst>
              <a:ext uri="{FF2B5EF4-FFF2-40B4-BE49-F238E27FC236}">
                <a16:creationId xmlns:a16="http://schemas.microsoft.com/office/drawing/2014/main" id="{430F51D0-E87A-7E86-06FF-0587D3229F2B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9" name="OTLSHAPE_SLT_0ce81bf2b18744bf89ca36681bb54269_Duration" hidden="1">
            <a:extLst>
              <a:ext uri="{FF2B5EF4-FFF2-40B4-BE49-F238E27FC236}">
                <a16:creationId xmlns:a16="http://schemas.microsoft.com/office/drawing/2014/main" id="{45B874BE-1350-7AAA-A349-4D6AD7B2341A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464354"/>
            <a:ext cx="520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873 days</a:t>
            </a:r>
          </a:p>
        </p:txBody>
      </p:sp>
      <p:sp>
        <p:nvSpPr>
          <p:cNvPr id="300" name="OTLSHAPE_SLT_0ce81bf2b18744bf89ca36681bb54269_TextPercentage" hidden="1">
            <a:extLst>
              <a:ext uri="{FF2B5EF4-FFF2-40B4-BE49-F238E27FC236}">
                <a16:creationId xmlns:a16="http://schemas.microsoft.com/office/drawing/2014/main" id="{C834D1BA-2A24-6733-8EFF-77944C7420E0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1" name="OTLSHAPE_SLT_0ce81bf2b18744bf89ca36681bb54269_JoinedDate" hidden="1">
            <a:extLst>
              <a:ext uri="{FF2B5EF4-FFF2-40B4-BE49-F238E27FC236}">
                <a16:creationId xmlns:a16="http://schemas.microsoft.com/office/drawing/2014/main" id="{258D2DAB-09F3-2821-AE52-1956C2AA8FD0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541298"/>
            <a:ext cx="622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5 - Jan 8</a:t>
            </a:r>
          </a:p>
        </p:txBody>
      </p:sp>
      <p:sp>
        <p:nvSpPr>
          <p:cNvPr id="302" name="OTLSHAPE_SLT_0ce81bf2b18744bf89ca36681bb54269_StartDate" hidden="1">
            <a:extLst>
              <a:ext uri="{FF2B5EF4-FFF2-40B4-BE49-F238E27FC236}">
                <a16:creationId xmlns:a16="http://schemas.microsoft.com/office/drawing/2014/main" id="{0706A88C-473A-09BB-C43C-CD2E1F9F0B68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3" name="OTLSHAPE_SLT_0ce81bf2b18744bf89ca36681bb54269_EndDate" hidden="1">
            <a:extLst>
              <a:ext uri="{FF2B5EF4-FFF2-40B4-BE49-F238E27FC236}">
                <a16:creationId xmlns:a16="http://schemas.microsoft.com/office/drawing/2014/main" id="{AA9B7615-F84A-BF8C-E1B1-42D218CB5C03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6" name="OTLSHAPE_SLT_8a453dae2e45468eb5db7c0047f5c253_Duration" hidden="1">
            <a:extLst>
              <a:ext uri="{FF2B5EF4-FFF2-40B4-BE49-F238E27FC236}">
                <a16:creationId xmlns:a16="http://schemas.microsoft.com/office/drawing/2014/main" id="{823B1845-86C2-4F8E-7A02-82A7C7C2A26A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85 days</a:t>
            </a:r>
          </a:p>
        </p:txBody>
      </p:sp>
      <p:sp>
        <p:nvSpPr>
          <p:cNvPr id="307" name="OTLSHAPE_SLT_8a453dae2e45468eb5db7c0047f5c253_TextPercentage" hidden="1">
            <a:extLst>
              <a:ext uri="{FF2B5EF4-FFF2-40B4-BE49-F238E27FC236}">
                <a16:creationId xmlns:a16="http://schemas.microsoft.com/office/drawing/2014/main" id="{CF1EEF53-9ED0-CE0C-2FE9-013432FA1BF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8" name="OTLSHAPE_SLT_8a453dae2e45468eb5db7c0047f5c253_JoinedDate" hidden="1">
            <a:extLst>
              <a:ext uri="{FF2B5EF4-FFF2-40B4-BE49-F238E27FC236}">
                <a16:creationId xmlns:a16="http://schemas.microsoft.com/office/drawing/2014/main" id="{BD8033D5-BD2E-3338-F6C3-C0307342D586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695186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10 - Dec 13</a:t>
            </a:r>
          </a:p>
        </p:txBody>
      </p:sp>
      <p:sp>
        <p:nvSpPr>
          <p:cNvPr id="309" name="OTLSHAPE_SLT_8a453dae2e45468eb5db7c0047f5c253_StartDate" hidden="1">
            <a:extLst>
              <a:ext uri="{FF2B5EF4-FFF2-40B4-BE49-F238E27FC236}">
                <a16:creationId xmlns:a16="http://schemas.microsoft.com/office/drawing/2014/main" id="{A2DC99FB-0C39-CE08-EA8B-8DEFE51D6545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0" name="OTLSHAPE_SLT_8a453dae2e45468eb5db7c0047f5c253_EndDate" hidden="1">
            <a:extLst>
              <a:ext uri="{FF2B5EF4-FFF2-40B4-BE49-F238E27FC236}">
                <a16:creationId xmlns:a16="http://schemas.microsoft.com/office/drawing/2014/main" id="{01A0D40C-140D-5322-34BE-2CC5CBD7A139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1" name="OTLSHAPE_SLM_453bfcc47f1445fc9b888d4e88b74ab4_Date" hidden="1">
            <a:extLst>
              <a:ext uri="{FF2B5EF4-FFF2-40B4-BE49-F238E27FC236}">
                <a16:creationId xmlns:a16="http://schemas.microsoft.com/office/drawing/2014/main" id="{8F5983D8-A333-63C1-F230-F34D387ECA1B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22</a:t>
            </a:r>
          </a:p>
        </p:txBody>
      </p:sp>
      <p:sp>
        <p:nvSpPr>
          <p:cNvPr id="313" name="OTLSHAPE_SLT_7e31e1bb0dac4a54b085918c5be1f0b2_Duration" hidden="1">
            <a:extLst>
              <a:ext uri="{FF2B5EF4-FFF2-40B4-BE49-F238E27FC236}">
                <a16:creationId xmlns:a16="http://schemas.microsoft.com/office/drawing/2014/main" id="{693E1343-EFEA-C4EC-BBD7-C58FF6ECEFA4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541298"/>
            <a:ext cx="584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4872 days</a:t>
            </a:r>
          </a:p>
        </p:txBody>
      </p:sp>
      <p:sp>
        <p:nvSpPr>
          <p:cNvPr id="314" name="OTLSHAPE_SLT_7e31e1bb0dac4a54b085918c5be1f0b2_TextPercentage" hidden="1">
            <a:extLst>
              <a:ext uri="{FF2B5EF4-FFF2-40B4-BE49-F238E27FC236}">
                <a16:creationId xmlns:a16="http://schemas.microsoft.com/office/drawing/2014/main" id="{440803CA-2CE2-732D-8DD4-902A865467F5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15" name="OTLSHAPE_SLT_7e31e1bb0dac4a54b085918c5be1f0b2_JoinedDate" hidden="1">
            <a:extLst>
              <a:ext uri="{FF2B5EF4-FFF2-40B4-BE49-F238E27FC236}">
                <a16:creationId xmlns:a16="http://schemas.microsoft.com/office/drawing/2014/main" id="{2A2525BE-65CF-FB90-5409-A1482D689C95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-541298"/>
            <a:ext cx="622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2 - Jan 2</a:t>
            </a:r>
          </a:p>
        </p:txBody>
      </p:sp>
      <p:sp>
        <p:nvSpPr>
          <p:cNvPr id="316" name="OTLSHAPE_SLT_7e31e1bb0dac4a54b085918c5be1f0b2_StartDate" hidden="1">
            <a:extLst>
              <a:ext uri="{FF2B5EF4-FFF2-40B4-BE49-F238E27FC236}">
                <a16:creationId xmlns:a16="http://schemas.microsoft.com/office/drawing/2014/main" id="{1D061A7F-944B-7403-BEC2-49D8951A6F37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7" name="OTLSHAPE_SLT_7e31e1bb0dac4a54b085918c5be1f0b2_EndDate" hidden="1">
            <a:extLst>
              <a:ext uri="{FF2B5EF4-FFF2-40B4-BE49-F238E27FC236}">
                <a16:creationId xmlns:a16="http://schemas.microsoft.com/office/drawing/2014/main" id="{F88C2093-2E39-B5B6-DF66-DE41B6A1C107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9" name="OTLSHAPE_SLT_b102095e305044959ab9be2767d90e05_Duration" hidden="1">
            <a:extLst>
              <a:ext uri="{FF2B5EF4-FFF2-40B4-BE49-F238E27FC236}">
                <a16:creationId xmlns:a16="http://schemas.microsoft.com/office/drawing/2014/main" id="{21096FB1-9CCF-FC6A-C762-87D2090F9973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83 days</a:t>
            </a:r>
          </a:p>
        </p:txBody>
      </p:sp>
      <p:sp>
        <p:nvSpPr>
          <p:cNvPr id="64" name="OTLSHAPE_SLT_b102095e305044959ab9be2767d90e05_TextPercentage" hidden="1">
            <a:extLst>
              <a:ext uri="{FF2B5EF4-FFF2-40B4-BE49-F238E27FC236}">
                <a16:creationId xmlns:a16="http://schemas.microsoft.com/office/drawing/2014/main" id="{8A6D11C8-1244-91A1-3DE3-D9F0D69515F0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b102095e305044959ab9be2767d90e05_JoinedDate" hidden="1">
            <a:extLst>
              <a:ext uri="{FF2B5EF4-FFF2-40B4-BE49-F238E27FC236}">
                <a16:creationId xmlns:a16="http://schemas.microsoft.com/office/drawing/2014/main" id="{14F19284-8FE2-BD6A-DC54-0CF57C1050CB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695186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29 - Dec 30</a:t>
            </a:r>
          </a:p>
        </p:txBody>
      </p:sp>
      <p:sp>
        <p:nvSpPr>
          <p:cNvPr id="66" name="OTLSHAPE_SLT_b102095e305044959ab9be2767d90e05_StartDate" hidden="1">
            <a:extLst>
              <a:ext uri="{FF2B5EF4-FFF2-40B4-BE49-F238E27FC236}">
                <a16:creationId xmlns:a16="http://schemas.microsoft.com/office/drawing/2014/main" id="{008CBD7E-4E44-49A4-A5C6-314AD61BB8AC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T_b102095e305044959ab9be2767d90e05_EndDate" hidden="1">
            <a:extLst>
              <a:ext uri="{FF2B5EF4-FFF2-40B4-BE49-F238E27FC236}">
                <a16:creationId xmlns:a16="http://schemas.microsoft.com/office/drawing/2014/main" id="{FFA9F17E-9D3C-B751-80AA-5D636752643D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SLT_f66704a315374f6da42d92295dfd3643_Duration" hidden="1">
            <a:extLst>
              <a:ext uri="{FF2B5EF4-FFF2-40B4-BE49-F238E27FC236}">
                <a16:creationId xmlns:a16="http://schemas.microsoft.com/office/drawing/2014/main" id="{5314D3BD-96E9-F4AD-D199-745C3A7C5A2A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62 days</a:t>
            </a:r>
          </a:p>
        </p:txBody>
      </p:sp>
      <p:sp>
        <p:nvSpPr>
          <p:cNvPr id="71" name="OTLSHAPE_SLT_f66704a315374f6da42d92295dfd3643_TextPercentage" hidden="1">
            <a:extLst>
              <a:ext uri="{FF2B5EF4-FFF2-40B4-BE49-F238E27FC236}">
                <a16:creationId xmlns:a16="http://schemas.microsoft.com/office/drawing/2014/main" id="{3538B122-FEB0-B7F6-6485-F06762AE7120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f66704a315374f6da42d92295dfd3643_JoinedDate" hidden="1">
            <a:extLst>
              <a:ext uri="{FF2B5EF4-FFF2-40B4-BE49-F238E27FC236}">
                <a16:creationId xmlns:a16="http://schemas.microsoft.com/office/drawing/2014/main" id="{A55F24E9-95DE-8417-A7D7-6EFF39A38AF4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695186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17 - Dec 18</a:t>
            </a:r>
          </a:p>
        </p:txBody>
      </p:sp>
      <p:sp>
        <p:nvSpPr>
          <p:cNvPr id="73" name="OTLSHAPE_SLT_f66704a315374f6da42d92295dfd3643_StartDate" hidden="1">
            <a:extLst>
              <a:ext uri="{FF2B5EF4-FFF2-40B4-BE49-F238E27FC236}">
                <a16:creationId xmlns:a16="http://schemas.microsoft.com/office/drawing/2014/main" id="{C324B208-E070-C1FA-8359-ED186AF30317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f66704a315374f6da42d92295dfd3643_EndDate" hidden="1">
            <a:extLst>
              <a:ext uri="{FF2B5EF4-FFF2-40B4-BE49-F238E27FC236}">
                <a16:creationId xmlns:a16="http://schemas.microsoft.com/office/drawing/2014/main" id="{BA667757-BF45-58C7-8B57-417F3B7B5C31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M_298aaeb88764453ba4be91f069049a99_Date" hidden="1">
            <a:extLst>
              <a:ext uri="{FF2B5EF4-FFF2-40B4-BE49-F238E27FC236}">
                <a16:creationId xmlns:a16="http://schemas.microsoft.com/office/drawing/2014/main" id="{667586A0-F705-2013-8961-7D20A84D7324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11</a:t>
            </a:r>
          </a:p>
        </p:txBody>
      </p:sp>
      <p:sp>
        <p:nvSpPr>
          <p:cNvPr id="76" name="OTLSHAPE_SLM_668db1d8c2044c0fbcd74bded5c2f5b5_Date" hidden="1">
            <a:extLst>
              <a:ext uri="{FF2B5EF4-FFF2-40B4-BE49-F238E27FC236}">
                <a16:creationId xmlns:a16="http://schemas.microsoft.com/office/drawing/2014/main" id="{442BCB81-78A7-8D9D-93B0-486475F33219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25</a:t>
            </a:r>
          </a:p>
        </p:txBody>
      </p:sp>
      <p:sp>
        <p:nvSpPr>
          <p:cNvPr id="77" name="OTLSHAPE_SLM_0effc66fcfe9413d9437f7c0d8c69bc2_Date" hidden="1">
            <a:extLst>
              <a:ext uri="{FF2B5EF4-FFF2-40B4-BE49-F238E27FC236}">
                <a16:creationId xmlns:a16="http://schemas.microsoft.com/office/drawing/2014/main" id="{ABC7BBAC-28F9-0355-263C-3542D802FD66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28</a:t>
            </a:r>
          </a:p>
        </p:txBody>
      </p:sp>
      <p:sp>
        <p:nvSpPr>
          <p:cNvPr id="78" name="OTLSHAPE_SLM_43a96d51abd84e34a09c24df6fbc0b01_Date" hidden="1">
            <a:extLst>
              <a:ext uri="{FF2B5EF4-FFF2-40B4-BE49-F238E27FC236}">
                <a16:creationId xmlns:a16="http://schemas.microsoft.com/office/drawing/2014/main" id="{22984C77-FFF9-39FC-C3EF-D2BF34869FBA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14</a:t>
            </a:r>
          </a:p>
        </p:txBody>
      </p:sp>
      <p:sp>
        <p:nvSpPr>
          <p:cNvPr id="79" name="OTLSHAPE_SLM_bbe921af04184eea975ca40554d52f35_Date" hidden="1">
            <a:extLst>
              <a:ext uri="{FF2B5EF4-FFF2-40B4-BE49-F238E27FC236}">
                <a16:creationId xmlns:a16="http://schemas.microsoft.com/office/drawing/2014/main" id="{294B501A-F5D1-7B49-524F-DB6B7E89613A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21</a:t>
            </a:r>
          </a:p>
        </p:txBody>
      </p:sp>
      <p:sp>
        <p:nvSpPr>
          <p:cNvPr id="285" name="OTLSHAPE_M_e151e55ca0e94d658693515bc55afa91_Shape">
            <a:extLst>
              <a:ext uri="{FF2B5EF4-FFF2-40B4-BE49-F238E27FC236}">
                <a16:creationId xmlns:a16="http://schemas.microsoft.com/office/drawing/2014/main" id="{8E993850-A5D7-D13D-F592-69E4FD4C2A6E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 flipV="1">
            <a:off x="7295414" y="520482"/>
            <a:ext cx="228600" cy="254000"/>
          </a:xfrm>
          <a:prstGeom prst="triangl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283" name="OTLSHAPE_M_e151e55ca0e94d658693515bc55afa91_Title">
            <a:extLst>
              <a:ext uri="{FF2B5EF4-FFF2-40B4-BE49-F238E27FC236}">
                <a16:creationId xmlns:a16="http://schemas.microsoft.com/office/drawing/2014/main" id="{278CB1A6-FAC3-87A4-3891-E1BABB20B5B1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6535255" y="324563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BATTLE OF YAVIN (YEAR ZERO)</a:t>
            </a:r>
            <a:endParaRPr lang="en-US" sz="1100" b="1" spc="-1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3" name="OTLSHAPE_M_e151e55ca0e94d658693515bc55afa91_Date" hidden="1">
            <a:extLst>
              <a:ext uri="{FF2B5EF4-FFF2-40B4-BE49-F238E27FC236}">
                <a16:creationId xmlns:a16="http://schemas.microsoft.com/office/drawing/2014/main" id="{8FEF9D5D-BEDD-741C-FBB4-534D9535E3B4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7</a:t>
            </a:r>
          </a:p>
        </p:txBody>
      </p:sp>
      <p:sp>
        <p:nvSpPr>
          <p:cNvPr id="224" name="OTLSHAPE_D_1ec44faa81fa4de3b40a9301c46345fe_Line">
            <a:extLst>
              <a:ext uri="{FF2B5EF4-FFF2-40B4-BE49-F238E27FC236}">
                <a16:creationId xmlns:a16="http://schemas.microsoft.com/office/drawing/2014/main" id="{F989F075-F2D5-0252-DB38-469415CD3783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5396881" y="2095282"/>
            <a:ext cx="2012834" cy="76201"/>
          </a:xfrm>
          <a:custGeom>
            <a:avLst/>
            <a:gdLst/>
            <a:ahLst/>
            <a:cxnLst/>
            <a:rect l="0" t="0" r="0" b="0"/>
            <a:pathLst>
              <a:path w="2012834" h="76201">
                <a:moveTo>
                  <a:pt x="0" y="0"/>
                </a:moveTo>
                <a:lnTo>
                  <a:pt x="0" y="19050"/>
                </a:lnTo>
                <a:lnTo>
                  <a:pt x="2012833" y="19050"/>
                </a:lnTo>
                <a:lnTo>
                  <a:pt x="2012833" y="76200"/>
                </a:lnTo>
              </a:path>
            </a:pathLst>
          </a:custGeom>
          <a:ln w="12700" cap="flat" cmpd="sng" algn="ctr">
            <a:solidFill>
              <a:srgbClr val="EFDF11"/>
            </a:solidFill>
            <a:prstDash val="solid"/>
            <a:miter lim="800000"/>
            <a:headEnd type="none" w="med" len="med"/>
            <a:tailEnd type="non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5" name="OTLSHAPE_D_a658cc60e8b848ebb0c29f4e2a0e2b9c_Line">
            <a:extLst>
              <a:ext uri="{FF2B5EF4-FFF2-40B4-BE49-F238E27FC236}">
                <a16:creationId xmlns:a16="http://schemas.microsoft.com/office/drawing/2014/main" id="{8B6FE058-ECDA-FDAF-8038-95ABE55E6E67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7835259" y="3060482"/>
            <a:ext cx="3189700" cy="76201"/>
          </a:xfrm>
          <a:custGeom>
            <a:avLst/>
            <a:gdLst/>
            <a:ahLst/>
            <a:cxnLst/>
            <a:rect l="0" t="0" r="0" b="0"/>
            <a:pathLst>
              <a:path w="3189700" h="76201">
                <a:moveTo>
                  <a:pt x="0" y="0"/>
                </a:moveTo>
                <a:lnTo>
                  <a:pt x="0" y="19050"/>
                </a:lnTo>
                <a:lnTo>
                  <a:pt x="3189699" y="19050"/>
                </a:lnTo>
                <a:lnTo>
                  <a:pt x="3189699" y="76200"/>
                </a:lnTo>
              </a:path>
            </a:pathLst>
          </a:custGeom>
          <a:ln w="12700" cap="flat" cmpd="sng" algn="ctr">
            <a:solidFill>
              <a:srgbClr val="EFDF11"/>
            </a:solidFill>
            <a:prstDash val="solid"/>
            <a:miter lim="800000"/>
            <a:headEnd type="none" w="med" len="med"/>
            <a:tailEnd type="non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D_083a8480d22443a7b653e0b68b33752d_Line">
            <a:extLst>
              <a:ext uri="{FF2B5EF4-FFF2-40B4-BE49-F238E27FC236}">
                <a16:creationId xmlns:a16="http://schemas.microsoft.com/office/drawing/2014/main" id="{13D690F5-CF21-61D2-2C00-3337034656AD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3911690" y="1460282"/>
            <a:ext cx="1062265" cy="63501"/>
          </a:xfrm>
          <a:custGeom>
            <a:avLst/>
            <a:gdLst/>
            <a:ahLst/>
            <a:cxnLst/>
            <a:rect l="0" t="0" r="0" b="0"/>
            <a:pathLst>
              <a:path w="1062265" h="63501">
                <a:moveTo>
                  <a:pt x="0" y="0"/>
                </a:moveTo>
                <a:lnTo>
                  <a:pt x="0" y="31750"/>
                </a:lnTo>
                <a:lnTo>
                  <a:pt x="1062264" y="31750"/>
                </a:lnTo>
                <a:lnTo>
                  <a:pt x="1062264" y="63500"/>
                </a:lnTo>
              </a:path>
            </a:pathLst>
          </a:custGeom>
          <a:ln w="12700" cap="flat" cmpd="sng" algn="ctr">
            <a:solidFill>
              <a:srgbClr val="EFDF1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D_54ed4fbfa78e49908bec55a5821dba31_Line">
            <a:extLst>
              <a:ext uri="{FF2B5EF4-FFF2-40B4-BE49-F238E27FC236}">
                <a16:creationId xmlns:a16="http://schemas.microsoft.com/office/drawing/2014/main" id="{2CE2ACD0-A837-2688-6519-BD7016DB88E3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4973954" y="1777782"/>
            <a:ext cx="422928" cy="63501"/>
          </a:xfrm>
          <a:custGeom>
            <a:avLst/>
            <a:gdLst/>
            <a:ahLst/>
            <a:cxnLst/>
            <a:rect l="0" t="0" r="0" b="0"/>
            <a:pathLst>
              <a:path w="422928" h="63501">
                <a:moveTo>
                  <a:pt x="0" y="0"/>
                </a:moveTo>
                <a:lnTo>
                  <a:pt x="0" y="31750"/>
                </a:lnTo>
                <a:lnTo>
                  <a:pt x="422927" y="31750"/>
                </a:lnTo>
                <a:lnTo>
                  <a:pt x="422927" y="63500"/>
                </a:lnTo>
              </a:path>
            </a:pathLst>
          </a:custGeom>
          <a:ln w="12700" cap="flat" cmpd="sng" algn="ctr">
            <a:solidFill>
              <a:srgbClr val="EFDF1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D_8ba242e3aba140a781051411f5e2c75a_Line">
            <a:extLst>
              <a:ext uri="{FF2B5EF4-FFF2-40B4-BE49-F238E27FC236}">
                <a16:creationId xmlns:a16="http://schemas.microsoft.com/office/drawing/2014/main" id="{1C916550-CCF5-24EC-2AAE-CBFBEB669497}"/>
              </a:ext>
            </a:extLst>
          </p:cNvPr>
          <p:cNvSpPr/>
          <p:nvPr>
            <p:custDataLst>
              <p:tags r:id="rId148"/>
            </p:custDataLst>
          </p:nvPr>
        </p:nvSpPr>
        <p:spPr>
          <a:xfrm>
            <a:off x="7409714" y="2425482"/>
            <a:ext cx="318796" cy="63501"/>
          </a:xfrm>
          <a:custGeom>
            <a:avLst/>
            <a:gdLst/>
            <a:ahLst/>
            <a:cxnLst/>
            <a:rect l="0" t="0" r="0" b="0"/>
            <a:pathLst>
              <a:path w="318796" h="63501">
                <a:moveTo>
                  <a:pt x="0" y="0"/>
                </a:moveTo>
                <a:lnTo>
                  <a:pt x="0" y="31750"/>
                </a:lnTo>
                <a:lnTo>
                  <a:pt x="318795" y="31750"/>
                </a:lnTo>
                <a:lnTo>
                  <a:pt x="318795" y="63500"/>
                </a:lnTo>
              </a:path>
            </a:pathLst>
          </a:custGeom>
          <a:ln w="12700" cap="flat" cmpd="sng" algn="ctr">
            <a:solidFill>
              <a:srgbClr val="EFDF1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D_0c77c90239bf472c9fa10e133ab19b39_Line">
            <a:extLst>
              <a:ext uri="{FF2B5EF4-FFF2-40B4-BE49-F238E27FC236}">
                <a16:creationId xmlns:a16="http://schemas.microsoft.com/office/drawing/2014/main" id="{E286222D-F07C-DAC3-7126-60830B062349}"/>
              </a:ext>
            </a:extLst>
          </p:cNvPr>
          <p:cNvSpPr/>
          <p:nvPr>
            <p:custDataLst>
              <p:tags r:id="rId149"/>
            </p:custDataLst>
          </p:nvPr>
        </p:nvSpPr>
        <p:spPr>
          <a:xfrm>
            <a:off x="7728509" y="2742982"/>
            <a:ext cx="106751" cy="63501"/>
          </a:xfrm>
          <a:custGeom>
            <a:avLst/>
            <a:gdLst/>
            <a:ahLst/>
            <a:cxnLst/>
            <a:rect l="0" t="0" r="0" b="0"/>
            <a:pathLst>
              <a:path w="106751" h="63501">
                <a:moveTo>
                  <a:pt x="0" y="0"/>
                </a:moveTo>
                <a:lnTo>
                  <a:pt x="0" y="31750"/>
                </a:lnTo>
                <a:lnTo>
                  <a:pt x="106750" y="31750"/>
                </a:lnTo>
                <a:lnTo>
                  <a:pt x="106750" y="63500"/>
                </a:lnTo>
              </a:path>
            </a:pathLst>
          </a:custGeom>
          <a:ln w="12700" cap="flat" cmpd="sng" algn="ctr">
            <a:solidFill>
              <a:srgbClr val="EFDF1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D_686686ac40bd4109b2e8620aa9cb3d5a_Line">
            <a:extLst>
              <a:ext uri="{FF2B5EF4-FFF2-40B4-BE49-F238E27FC236}">
                <a16:creationId xmlns:a16="http://schemas.microsoft.com/office/drawing/2014/main" id="{08E49E2E-890A-152A-15B1-1D5D00D250BE}"/>
              </a:ext>
            </a:extLst>
          </p:cNvPr>
          <p:cNvSpPr/>
          <p:nvPr>
            <p:custDataLst>
              <p:tags r:id="rId150"/>
            </p:custDataLst>
          </p:nvPr>
        </p:nvSpPr>
        <p:spPr>
          <a:xfrm>
            <a:off x="11024958" y="3390682"/>
            <a:ext cx="292" cy="63501"/>
          </a:xfrm>
          <a:custGeom>
            <a:avLst/>
            <a:gdLst/>
            <a:ahLst/>
            <a:cxnLst/>
            <a:rect l="0" t="0" r="0" b="0"/>
            <a:pathLst>
              <a:path w="292" h="63501">
                <a:moveTo>
                  <a:pt x="0" y="0"/>
                </a:moveTo>
                <a:lnTo>
                  <a:pt x="0" y="31750"/>
                </a:lnTo>
                <a:lnTo>
                  <a:pt x="291" y="31750"/>
                </a:lnTo>
                <a:lnTo>
                  <a:pt x="291" y="63500"/>
                </a:lnTo>
              </a:path>
            </a:pathLst>
          </a:custGeom>
          <a:ln w="12700" cap="flat" cmpd="sng" algn="ctr">
            <a:solidFill>
              <a:srgbClr val="EFDF1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D_b1b368ff8ecc44ecbf8768c7ea4715a5_Line">
            <a:extLst>
              <a:ext uri="{FF2B5EF4-FFF2-40B4-BE49-F238E27FC236}">
                <a16:creationId xmlns:a16="http://schemas.microsoft.com/office/drawing/2014/main" id="{9177F1CF-58BD-A229-6E6B-2E96CF1C12CE}"/>
              </a:ext>
            </a:extLst>
          </p:cNvPr>
          <p:cNvSpPr/>
          <p:nvPr>
            <p:custDataLst>
              <p:tags r:id="rId151"/>
            </p:custDataLst>
          </p:nvPr>
        </p:nvSpPr>
        <p:spPr>
          <a:xfrm>
            <a:off x="11025249" y="3708182"/>
            <a:ext cx="106459" cy="63501"/>
          </a:xfrm>
          <a:custGeom>
            <a:avLst/>
            <a:gdLst/>
            <a:ahLst/>
            <a:cxnLst/>
            <a:rect l="0" t="0" r="0" b="0"/>
            <a:pathLst>
              <a:path w="106459" h="63501">
                <a:moveTo>
                  <a:pt x="0" y="0"/>
                </a:moveTo>
                <a:lnTo>
                  <a:pt x="0" y="31750"/>
                </a:lnTo>
                <a:lnTo>
                  <a:pt x="106458" y="31750"/>
                </a:lnTo>
                <a:lnTo>
                  <a:pt x="106458" y="63500"/>
                </a:lnTo>
              </a:path>
            </a:pathLst>
          </a:custGeom>
          <a:ln w="12700" cap="flat" cmpd="sng" algn="ctr">
            <a:solidFill>
              <a:srgbClr val="EFDF1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7695731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53">
            <a:lum/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58" name="Graphic 257">
            <a:extLst>
              <a:ext uri="{FF2B5EF4-FFF2-40B4-BE49-F238E27FC236}">
                <a16:creationId xmlns:a16="http://schemas.microsoft.com/office/drawing/2014/main" id="{E7B16B2D-6C61-5FCE-A2FF-D5C0B6D311F6}"/>
              </a:ext>
            </a:extLst>
          </p:cNvPr>
          <p:cNvPicPr>
            <a:picLocks noChangeAspect="1"/>
          </p:cNvPicPr>
          <p:nvPr/>
        </p:nvPicPr>
        <p:blipFill>
          <a:blip r:embed="rId5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5"/>
              </a:ext>
            </a:extLst>
          </a:blip>
          <a:stretch>
            <a:fillRect/>
          </a:stretch>
        </p:blipFill>
        <p:spPr>
          <a:xfrm>
            <a:off x="72316" y="346243"/>
            <a:ext cx="1609157" cy="766864"/>
          </a:xfrm>
          <a:prstGeom prst="rect">
            <a:avLst/>
          </a:prstGeom>
        </p:spPr>
      </p:pic>
      <p:pic>
        <p:nvPicPr>
          <p:cNvPr id="232" name="Picture 231">
            <a:extLst>
              <a:ext uri="{FF2B5EF4-FFF2-40B4-BE49-F238E27FC236}">
                <a16:creationId xmlns:a16="http://schemas.microsoft.com/office/drawing/2014/main" id="{22E629FD-707F-9E49-05D9-20622A262BD6}"/>
              </a:ext>
            </a:extLst>
          </p:cNvPr>
          <p:cNvPicPr>
            <a:picLocks noChangeAspect="1"/>
          </p:cNvPicPr>
          <p:nvPr/>
        </p:nvPicPr>
        <p:blipFill>
          <a:blip r:embed="rId5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674093" y="3053481"/>
            <a:ext cx="1791837" cy="203215"/>
          </a:xfrm>
          <a:prstGeom prst="rect">
            <a:avLst/>
          </a:prstGeom>
        </p:spPr>
      </p:pic>
      <p:sp>
        <p:nvSpPr>
          <p:cNvPr id="256" name="TextBox 255">
            <a:extLst>
              <a:ext uri="{FF2B5EF4-FFF2-40B4-BE49-F238E27FC236}">
                <a16:creationId xmlns:a16="http://schemas.microsoft.com/office/drawing/2014/main" id="{80B8382B-E836-1C3E-790C-6356FF09C1F4}"/>
              </a:ext>
            </a:extLst>
          </p:cNvPr>
          <p:cNvSpPr txBox="1"/>
          <p:nvPr/>
        </p:nvSpPr>
        <p:spPr>
          <a:xfrm rot="16200000">
            <a:off x="-325677" y="2347109"/>
            <a:ext cx="194818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Star Wars timeline</a:t>
            </a:r>
          </a:p>
        </p:txBody>
      </p:sp>
      <p:sp>
        <p:nvSpPr>
          <p:cNvPr id="36" name="OTLSHAPE_SL2A_442dc1d9e5de419e8fcc233861d20fdf_BackgroundRectangle">
            <a:extLst>
              <a:ext uri="{FF2B5EF4-FFF2-40B4-BE49-F238E27FC236}">
                <a16:creationId xmlns:a16="http://schemas.microsoft.com/office/drawing/2014/main" id="{824EB9A2-9FC4-BC4C-4D21-3E2A00DF119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76895" y="1168182"/>
            <a:ext cx="10477500" cy="965200"/>
          </a:xfrm>
          <a:prstGeom prst="rect">
            <a:avLst/>
          </a:prstGeom>
          <a:solidFill>
            <a:srgbClr val="242424">
              <a:alpha val="80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39" name="OTLSHAPE_SL2A_0b866cb6f761489f9817e9bbdd0ad1c4_BackgroundRectangle">
            <a:extLst>
              <a:ext uri="{FF2B5EF4-FFF2-40B4-BE49-F238E27FC236}">
                <a16:creationId xmlns:a16="http://schemas.microsoft.com/office/drawing/2014/main" id="{8187E407-F147-32C8-5FAC-8CBECCFB8A2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876895" y="2133382"/>
            <a:ext cx="10477500" cy="965200"/>
          </a:xfrm>
          <a:prstGeom prst="rect">
            <a:avLst/>
          </a:prstGeom>
          <a:solidFill>
            <a:srgbClr val="C50D16">
              <a:alpha val="80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42" name="OTLSHAPE_SL2A_6cfe742f2ec646be933e4510c3837669_BackgroundRectangle">
            <a:extLst>
              <a:ext uri="{FF2B5EF4-FFF2-40B4-BE49-F238E27FC236}">
                <a16:creationId xmlns:a16="http://schemas.microsoft.com/office/drawing/2014/main" id="{5C678CE5-F60D-039A-75B7-0DE26C476EF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76895" y="3098582"/>
            <a:ext cx="10477500" cy="965200"/>
          </a:xfrm>
          <a:prstGeom prst="rect">
            <a:avLst/>
          </a:prstGeom>
          <a:solidFill>
            <a:srgbClr val="242424">
              <a:alpha val="80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5728EA11-E8E7-B817-31B7-96F3512BE4D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785709" y="710982"/>
            <a:ext cx="9563100" cy="254000"/>
          </a:xfrm>
          <a:prstGeom prst="roundRect">
            <a:avLst/>
          </a:prstGeom>
          <a:solidFill>
            <a:srgbClr val="3CBFAF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161" name="OTLSHAPE_SL_cdeb765d709740abae711849eef7ca7c_HeaderRectangle">
            <a:extLst>
              <a:ext uri="{FF2B5EF4-FFF2-40B4-BE49-F238E27FC236}">
                <a16:creationId xmlns:a16="http://schemas.microsoft.com/office/drawing/2014/main" id="{1EDD3469-552D-E2DA-C8F3-AA4B17CFD39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1168182"/>
            <a:ext cx="825500" cy="2895600"/>
          </a:xfrm>
          <a:prstGeom prst="rect">
            <a:avLst/>
          </a:prstGeom>
          <a:solidFill>
            <a:schemeClr val="dk1"/>
          </a:solidFill>
          <a:ln w="28575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18" name="OTLSHAPE_SL2A_442dc1d9e5de419e8fcc233861d20fdf_HeaderRectangle">
            <a:extLst>
              <a:ext uri="{FF2B5EF4-FFF2-40B4-BE49-F238E27FC236}">
                <a16:creationId xmlns:a16="http://schemas.microsoft.com/office/drawing/2014/main" id="{59D2230B-8E39-BB47-A5C6-CB46F84DA4B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76895" y="1168182"/>
            <a:ext cx="787400" cy="965200"/>
          </a:xfrm>
          <a:prstGeom prst="rect">
            <a:avLst/>
          </a:prstGeom>
          <a:solidFill>
            <a:srgbClr val="242424">
              <a:alpha val="60000"/>
            </a:srgbClr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37" name="OTLSHAPE_SL2A_0b866cb6f761489f9817e9bbdd0ad1c4_HeaderRectangle">
            <a:extLst>
              <a:ext uri="{FF2B5EF4-FFF2-40B4-BE49-F238E27FC236}">
                <a16:creationId xmlns:a16="http://schemas.microsoft.com/office/drawing/2014/main" id="{1A9E4B14-D484-AB10-A3E2-E1158CFDB946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76895" y="2133382"/>
            <a:ext cx="787400" cy="965200"/>
          </a:xfrm>
          <a:prstGeom prst="rect">
            <a:avLst/>
          </a:prstGeom>
          <a:solidFill>
            <a:srgbClr val="C50D16"/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40" name="OTLSHAPE_SL2A_6cfe742f2ec646be933e4510c3837669_HeaderRectangle">
            <a:extLst>
              <a:ext uri="{FF2B5EF4-FFF2-40B4-BE49-F238E27FC236}">
                <a16:creationId xmlns:a16="http://schemas.microsoft.com/office/drawing/2014/main" id="{73D018A3-5A80-BDC1-474C-C64E64197C69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76895" y="3098582"/>
            <a:ext cx="787400" cy="965200"/>
          </a:xfrm>
          <a:prstGeom prst="rect">
            <a:avLst/>
          </a:prstGeom>
          <a:solidFill>
            <a:srgbClr val="242424">
              <a:alpha val="60000"/>
            </a:srgbClr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54" name="OTLSHAPE_SLM_cf3f61d411bc4fedb94937eac9727985_Shape">
            <a:extLst>
              <a:ext uri="{FF2B5EF4-FFF2-40B4-BE49-F238E27FC236}">
                <a16:creationId xmlns:a16="http://schemas.microsoft.com/office/drawing/2014/main" id="{9900EC53-BCC6-8626-B916-C8CB17AF5C2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7295414" y="217148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DF1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M_6528f648fbcb496492e95a2b33fa5fb0_Shape">
            <a:extLst>
              <a:ext uri="{FF2B5EF4-FFF2-40B4-BE49-F238E27FC236}">
                <a16:creationId xmlns:a16="http://schemas.microsoft.com/office/drawing/2014/main" id="{6310EA51-4574-D69D-57E4-DF9C7350749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7720959" y="280648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DF1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M_269e647ea65045cebe3c47cc01473d32_Shape">
            <a:extLst>
              <a:ext uri="{FF2B5EF4-FFF2-40B4-BE49-F238E27FC236}">
                <a16:creationId xmlns:a16="http://schemas.microsoft.com/office/drawing/2014/main" id="{B40159AC-05C7-0218-74F0-5B423C99DE2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7614209" y="248898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DF1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M_c2ae8d8ab56d410dbff72f2ecaa20b01_Shape">
            <a:extLst>
              <a:ext uri="{FF2B5EF4-FFF2-40B4-BE49-F238E27FC236}">
                <a16:creationId xmlns:a16="http://schemas.microsoft.com/office/drawing/2014/main" id="{F49CB690-95D6-4234-B57F-53F141DF96C7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4859654" y="152378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DF1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M_8c2e4e912a8b4fc4b54a9bc2df9c0b1e_Shape">
            <a:extLst>
              <a:ext uri="{FF2B5EF4-FFF2-40B4-BE49-F238E27FC236}">
                <a16:creationId xmlns:a16="http://schemas.microsoft.com/office/drawing/2014/main" id="{78633EB8-1E1C-41E9-EFF1-8DD29FAD7A7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797390" y="120628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DF1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M_7b0c8137988c43b48d627962e396fae1_Shape">
            <a:extLst>
              <a:ext uri="{FF2B5EF4-FFF2-40B4-BE49-F238E27FC236}">
                <a16:creationId xmlns:a16="http://schemas.microsoft.com/office/drawing/2014/main" id="{06CCC687-0E83-4375-AF50-E54E8002FF9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5282581" y="184128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DF1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SLM_f5a9609bcc9c4d72b1a3aa7633770cb1_Shape">
            <a:extLst>
              <a:ext uri="{FF2B5EF4-FFF2-40B4-BE49-F238E27FC236}">
                <a16:creationId xmlns:a16="http://schemas.microsoft.com/office/drawing/2014/main" id="{523544F5-A5DD-84F4-5FB3-6F30B91E760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1017407" y="377168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DF1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SLM_02bd01dab7d24a82b5e76ae8d597ce08_Shape">
            <a:extLst>
              <a:ext uri="{FF2B5EF4-FFF2-40B4-BE49-F238E27FC236}">
                <a16:creationId xmlns:a16="http://schemas.microsoft.com/office/drawing/2014/main" id="{4DED3A87-B709-D13A-2823-68D3432A179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910949" y="345418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DF1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M_8546c06ee9864aaa9431de75b29dc3e1_Shape">
            <a:extLst>
              <a:ext uri="{FF2B5EF4-FFF2-40B4-BE49-F238E27FC236}">
                <a16:creationId xmlns:a16="http://schemas.microsoft.com/office/drawing/2014/main" id="{F7E24651-A33C-B547-E9C6-66B2007BA084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910658" y="313668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DF1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" name="OTLSHAPE_SL_cdeb765d709740abae711849eef7ca7c_Header">
            <a:extLst>
              <a:ext uri="{FF2B5EF4-FFF2-40B4-BE49-F238E27FC236}">
                <a16:creationId xmlns:a16="http://schemas.microsoft.com/office/drawing/2014/main" id="{85191ADF-8DA6-B130-C46E-E1FDDCF860B0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 rot="16200000">
            <a:off x="-977602" y="2491966"/>
            <a:ext cx="28956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dirty="0">
                <a:solidFill>
                  <a:schemeClr val="lt1"/>
                </a:solidFill>
                <a:latin typeface="Calibri" panose="020F0502020204030204" pitchFamily="34" charset="0"/>
              </a:rPr>
              <a:t>EPISODES (I-IX)</a:t>
            </a:r>
          </a:p>
        </p:txBody>
      </p:sp>
      <p:sp>
        <p:nvSpPr>
          <p:cNvPr id="28" name="OTLSHAPE_SL2A_442dc1d9e5de419e8fcc233861d20fdf_Header">
            <a:extLst>
              <a:ext uri="{FF2B5EF4-FFF2-40B4-BE49-F238E27FC236}">
                <a16:creationId xmlns:a16="http://schemas.microsoft.com/office/drawing/2014/main" id="{5F3D00FC-C62D-F22F-198D-FE978D3A310D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40395" y="1565523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lt1"/>
                </a:solidFill>
              </a:rPr>
              <a:t>Prequels</a:t>
            </a:r>
          </a:p>
        </p:txBody>
      </p:sp>
      <p:sp>
        <p:nvSpPr>
          <p:cNvPr id="38" name="OTLSHAPE_SL2A_0b866cb6f761489f9817e9bbdd0ad1c4_Header">
            <a:extLst>
              <a:ext uri="{FF2B5EF4-FFF2-40B4-BE49-F238E27FC236}">
                <a16:creationId xmlns:a16="http://schemas.microsoft.com/office/drawing/2014/main" id="{6970C830-7CFD-A711-178D-EED1881E6D08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940395" y="2530723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Originals</a:t>
            </a:r>
          </a:p>
        </p:txBody>
      </p:sp>
      <p:sp>
        <p:nvSpPr>
          <p:cNvPr id="41" name="OTLSHAPE_SL2A_6cfe742f2ec646be933e4510c3837669_Header">
            <a:extLst>
              <a:ext uri="{FF2B5EF4-FFF2-40B4-BE49-F238E27FC236}">
                <a16:creationId xmlns:a16="http://schemas.microsoft.com/office/drawing/2014/main" id="{EDB8F027-CECE-797F-574A-5D694F16EACB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940395" y="3495923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Sequels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3D0E85CD-FCF4-8A15-1402-82B49424CE01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849209" y="76047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rgbClr val="3CBFAF"/>
                </a:solidFill>
                <a:latin typeface="Calibri" panose="020F0502020204030204" pitchFamily="34" charset="0"/>
              </a:rPr>
              <a:t>1948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00E423E-57DE-82B6-9936-8C2DCBA0EB14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2805595" y="76047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rgbClr val="3CBFAF"/>
                </a:solidFill>
                <a:latin typeface="Calibri" panose="020F0502020204030204" pitchFamily="34" charset="0"/>
              </a:rPr>
              <a:t>1957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02EDF050-B2B1-4D7F-9123-C11A6565A7D9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3761691" y="76047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rgbClr val="3CBFAF"/>
                </a:solidFill>
                <a:latin typeface="Calibri" panose="020F0502020204030204" pitchFamily="34" charset="0"/>
              </a:rPr>
              <a:t>1966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997A15CA-5E32-591C-7062-902860425EDB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4717786" y="76047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rgbClr val="3CBFAF"/>
                </a:solidFill>
                <a:latin typeface="Calibri" panose="020F0502020204030204" pitchFamily="34" charset="0"/>
              </a:rPr>
              <a:t>1975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E52E0BE3-9C35-87ED-88A2-28F678540F49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5673881" y="76047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rgbClr val="3CBFAF"/>
                </a:solidFill>
                <a:latin typeface="Calibri" panose="020F0502020204030204" pitchFamily="34" charset="0"/>
              </a:rPr>
              <a:t>1984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CDE2C658-EA52-9DB8-F458-6C9D347E9203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6630267" y="76047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rgbClr val="3CBFAF"/>
                </a:solidFill>
                <a:latin typeface="Calibri" panose="020F0502020204030204" pitchFamily="34" charset="0"/>
              </a:rPr>
              <a:t>1993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19F6DD60-3006-CEDE-D19A-2BCFF13C3246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586363" y="76047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rgbClr val="3CBFAF"/>
                </a:solidFill>
                <a:latin typeface="Calibri" panose="020F0502020204030204" pitchFamily="34" charset="0"/>
              </a:rPr>
              <a:t>2002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911A4574-5E58-C6DA-9D16-70D2A37862C0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8542458" y="76047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rgbClr val="3CBFAF"/>
                </a:solidFill>
                <a:latin typeface="Calibri" panose="020F0502020204030204" pitchFamily="34" charset="0"/>
              </a:rPr>
              <a:t>2011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01496555-CE59-C7C4-55C6-F9A7806D482B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9498554" y="76047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rgbClr val="3CBFAF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8BA6337C-205D-E344-CDA3-F0542C501E4C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0454939" y="76047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rgbClr val="3CBFAF"/>
                </a:solidFill>
                <a:latin typeface="Calibri" panose="020F0502020204030204" pitchFamily="34" charset="0"/>
              </a:rPr>
              <a:t>2029</a:t>
            </a:r>
          </a:p>
        </p:txBody>
      </p:sp>
      <p:sp>
        <p:nvSpPr>
          <p:cNvPr id="184" name="OTLSHAPE_SLM_cf3f61d411bc4fedb94937eac9727985_Title">
            <a:extLst>
              <a:ext uri="{FF2B5EF4-FFF2-40B4-BE49-F238E27FC236}">
                <a16:creationId xmlns:a16="http://schemas.microsoft.com/office/drawing/2014/main" id="{1C84387E-E67F-EF29-63D3-74178FD6942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810658" y="2213223"/>
            <a:ext cx="243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Star Wars Episode IV: A New Hope (0 ABY)</a:t>
            </a:r>
            <a:endParaRPr lang="en-US" sz="11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SLM_6528f648fbcb496492e95a2b33fa5fb0_Title">
            <a:extLst>
              <a:ext uri="{FF2B5EF4-FFF2-40B4-BE49-F238E27FC236}">
                <a16:creationId xmlns:a16="http://schemas.microsoft.com/office/drawing/2014/main" id="{2A39C7B6-AE5A-F78B-2349-F8035AEA9D3C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926662" y="2848223"/>
            <a:ext cx="275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Star Wars Episode VI: Return of the Jedi (4 ABY)</a:t>
            </a:r>
            <a:endParaRPr lang="en-US" sz="11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9" name="OTLSHAPE_SLM_269e647ea65045cebe3c47cc01473d32_Title">
            <a:extLst>
              <a:ext uri="{FF2B5EF4-FFF2-40B4-BE49-F238E27FC236}">
                <a16:creationId xmlns:a16="http://schemas.microsoft.com/office/drawing/2014/main" id="{01F08758-F829-3252-1C90-81D8B1522F15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4509694" y="2530723"/>
            <a:ext cx="306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b="1" spc="-4" dirty="0">
                <a:solidFill>
                  <a:schemeClr val="lt1"/>
                </a:solidFill>
              </a:rPr>
              <a:t>Star Wars Episode V: The Empire Strikes Back (3 ABY)</a:t>
            </a:r>
            <a:endParaRPr lang="en-US" sz="1100" b="1" spc="-4" dirty="0">
              <a:solidFill>
                <a:schemeClr val="lt1"/>
              </a:solidFill>
            </a:endParaRPr>
          </a:p>
        </p:txBody>
      </p:sp>
      <p:sp>
        <p:nvSpPr>
          <p:cNvPr id="196" name="OTLSHAPE_SLM_c2ae8d8ab56d410dbff72f2ecaa20b01_Title">
            <a:extLst>
              <a:ext uri="{FF2B5EF4-FFF2-40B4-BE49-F238E27FC236}">
                <a16:creationId xmlns:a16="http://schemas.microsoft.com/office/drawing/2014/main" id="{6459CE76-192C-0875-E8FF-B56DA71A0C8B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5139054" y="1565523"/>
            <a:ext cx="289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Star Wars Episode II: Attack of the Clones (22 BBY)</a:t>
            </a:r>
            <a:endParaRPr lang="en-US" sz="1100" b="1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9" name="OTLSHAPE_SLM_8c2e4e912a8b4fc4b54a9bc2df9c0b1e_Title">
            <a:extLst>
              <a:ext uri="{FF2B5EF4-FFF2-40B4-BE49-F238E27FC236}">
                <a16:creationId xmlns:a16="http://schemas.microsoft.com/office/drawing/2014/main" id="{D82C7179-7A7C-1A45-839C-31D4D9FEF76D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4076790" y="1248023"/>
            <a:ext cx="297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Star Wars Episode I: The Phantom Menace (32 BBY)</a:t>
            </a:r>
            <a:endParaRPr lang="en-US" sz="11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SLM_7b0c8137988c43b48d627962e396fae1_Title">
            <a:extLst>
              <a:ext uri="{FF2B5EF4-FFF2-40B4-BE49-F238E27FC236}">
                <a16:creationId xmlns:a16="http://schemas.microsoft.com/office/drawing/2014/main" id="{BD37435E-F677-3B10-A296-7CFD9C89F2AE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5561981" y="1883023"/>
            <a:ext cx="289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Star Wars Episode III: Revenge of the Sith (19 BBY)</a:t>
            </a:r>
            <a:endParaRPr lang="en-US" sz="11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7" name="OTLSHAPE_SLM_f5a9609bcc9c4d72b1a3aa7633770cb1_Title">
            <a:extLst>
              <a:ext uri="{FF2B5EF4-FFF2-40B4-BE49-F238E27FC236}">
                <a16:creationId xmlns:a16="http://schemas.microsoft.com/office/drawing/2014/main" id="{010FCADB-C38D-3C69-9520-D7593294E509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7928937" y="3813423"/>
            <a:ext cx="304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Star Wars Episode IX: The Rise of Skywalker (35 ABY)</a:t>
            </a:r>
            <a:endParaRPr lang="en-US" sz="11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0" name="OTLSHAPE_SLM_02bd01dab7d24a82b5e76ae8d597ce08_Title">
            <a:extLst>
              <a:ext uri="{FF2B5EF4-FFF2-40B4-BE49-F238E27FC236}">
                <a16:creationId xmlns:a16="http://schemas.microsoft.com/office/drawing/2014/main" id="{7934624E-744D-89EE-BD12-7AE7DE5AEE7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8264903" y="3495923"/>
            <a:ext cx="260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Star Wars Episode VIII: The Last Jedi (34 ABY)</a:t>
            </a:r>
            <a:endParaRPr lang="en-US" sz="11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SLM_8546c06ee9864aaa9431de75b29dc3e1_Title">
            <a:extLst>
              <a:ext uri="{FF2B5EF4-FFF2-40B4-BE49-F238E27FC236}">
                <a16:creationId xmlns:a16="http://schemas.microsoft.com/office/drawing/2014/main" id="{65289486-E9AE-CBCD-C951-223DB07CB52D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7923871" y="3178423"/>
            <a:ext cx="294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Star Wars Episode VII: The Force Awakens (34 ABY)</a:t>
            </a:r>
            <a:endParaRPr lang="en-US" sz="11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3" name="OTLSHAPE_M_e151e55ca0e94d658693515bc55afa91_Title">
            <a:extLst>
              <a:ext uri="{FF2B5EF4-FFF2-40B4-BE49-F238E27FC236}">
                <a16:creationId xmlns:a16="http://schemas.microsoft.com/office/drawing/2014/main" id="{278CB1A6-FAC3-87A4-3891-E1BABB20B5B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535255" y="324563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BATTLE OF YAVIN (YEAR ZERO)</a:t>
            </a:r>
            <a:endParaRPr lang="en-US" sz="1100" b="1" spc="-1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D_1ec44faa81fa4de3b40a9301c46345fe_Line">
            <a:extLst>
              <a:ext uri="{FF2B5EF4-FFF2-40B4-BE49-F238E27FC236}">
                <a16:creationId xmlns:a16="http://schemas.microsoft.com/office/drawing/2014/main" id="{F989F075-F2D5-0252-DB38-469415CD3783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396881" y="2095282"/>
            <a:ext cx="2012834" cy="76201"/>
          </a:xfrm>
          <a:custGeom>
            <a:avLst/>
            <a:gdLst/>
            <a:ahLst/>
            <a:cxnLst/>
            <a:rect l="0" t="0" r="0" b="0"/>
            <a:pathLst>
              <a:path w="2012834" h="76201">
                <a:moveTo>
                  <a:pt x="0" y="0"/>
                </a:moveTo>
                <a:lnTo>
                  <a:pt x="0" y="19050"/>
                </a:lnTo>
                <a:lnTo>
                  <a:pt x="2012833" y="19050"/>
                </a:lnTo>
                <a:lnTo>
                  <a:pt x="2012833" y="76200"/>
                </a:lnTo>
              </a:path>
            </a:pathLst>
          </a:custGeom>
          <a:ln w="12700" cap="flat" cmpd="sng" algn="ctr">
            <a:solidFill>
              <a:srgbClr val="EFDF11"/>
            </a:solidFill>
            <a:prstDash val="solid"/>
            <a:miter lim="800000"/>
            <a:headEnd type="none" w="med" len="med"/>
            <a:tailEnd type="non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5" name="OTLSHAPE_D_a658cc60e8b848ebb0c29f4e2a0e2b9c_Line">
            <a:extLst>
              <a:ext uri="{FF2B5EF4-FFF2-40B4-BE49-F238E27FC236}">
                <a16:creationId xmlns:a16="http://schemas.microsoft.com/office/drawing/2014/main" id="{8B6FE058-ECDA-FDAF-8038-95ABE55E6E67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835259" y="3060482"/>
            <a:ext cx="3189700" cy="76201"/>
          </a:xfrm>
          <a:custGeom>
            <a:avLst/>
            <a:gdLst/>
            <a:ahLst/>
            <a:cxnLst/>
            <a:rect l="0" t="0" r="0" b="0"/>
            <a:pathLst>
              <a:path w="3189700" h="76201">
                <a:moveTo>
                  <a:pt x="0" y="0"/>
                </a:moveTo>
                <a:lnTo>
                  <a:pt x="0" y="19050"/>
                </a:lnTo>
                <a:lnTo>
                  <a:pt x="3189699" y="19050"/>
                </a:lnTo>
                <a:lnTo>
                  <a:pt x="3189699" y="76200"/>
                </a:lnTo>
              </a:path>
            </a:pathLst>
          </a:custGeom>
          <a:ln w="12700" cap="flat" cmpd="sng" algn="ctr">
            <a:solidFill>
              <a:srgbClr val="EFDF11"/>
            </a:solidFill>
            <a:prstDash val="solid"/>
            <a:miter lim="800000"/>
            <a:headEnd type="none" w="med" len="med"/>
            <a:tailEnd type="non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D_083a8480d22443a7b653e0b68b33752d_Line">
            <a:extLst>
              <a:ext uri="{FF2B5EF4-FFF2-40B4-BE49-F238E27FC236}">
                <a16:creationId xmlns:a16="http://schemas.microsoft.com/office/drawing/2014/main" id="{13D690F5-CF21-61D2-2C00-3337034656AD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911690" y="1460282"/>
            <a:ext cx="1062265" cy="63501"/>
          </a:xfrm>
          <a:custGeom>
            <a:avLst/>
            <a:gdLst/>
            <a:ahLst/>
            <a:cxnLst/>
            <a:rect l="0" t="0" r="0" b="0"/>
            <a:pathLst>
              <a:path w="1062265" h="63501">
                <a:moveTo>
                  <a:pt x="0" y="0"/>
                </a:moveTo>
                <a:lnTo>
                  <a:pt x="0" y="31750"/>
                </a:lnTo>
                <a:lnTo>
                  <a:pt x="1062264" y="31750"/>
                </a:lnTo>
                <a:lnTo>
                  <a:pt x="1062264" y="63500"/>
                </a:lnTo>
              </a:path>
            </a:pathLst>
          </a:custGeom>
          <a:ln w="12700" cap="flat" cmpd="sng" algn="ctr">
            <a:solidFill>
              <a:srgbClr val="EFDF1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D_54ed4fbfa78e49908bec55a5821dba31_Line">
            <a:extLst>
              <a:ext uri="{FF2B5EF4-FFF2-40B4-BE49-F238E27FC236}">
                <a16:creationId xmlns:a16="http://schemas.microsoft.com/office/drawing/2014/main" id="{2CE2ACD0-A837-2688-6519-BD7016DB88E3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973954" y="1777782"/>
            <a:ext cx="422928" cy="63501"/>
          </a:xfrm>
          <a:custGeom>
            <a:avLst/>
            <a:gdLst/>
            <a:ahLst/>
            <a:cxnLst/>
            <a:rect l="0" t="0" r="0" b="0"/>
            <a:pathLst>
              <a:path w="422928" h="63501">
                <a:moveTo>
                  <a:pt x="0" y="0"/>
                </a:moveTo>
                <a:lnTo>
                  <a:pt x="0" y="31750"/>
                </a:lnTo>
                <a:lnTo>
                  <a:pt x="422927" y="31750"/>
                </a:lnTo>
                <a:lnTo>
                  <a:pt x="422927" y="63500"/>
                </a:lnTo>
              </a:path>
            </a:pathLst>
          </a:custGeom>
          <a:ln w="12700" cap="flat" cmpd="sng" algn="ctr">
            <a:solidFill>
              <a:srgbClr val="EFDF1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D_8ba242e3aba140a781051411f5e2c75a_Line">
            <a:extLst>
              <a:ext uri="{FF2B5EF4-FFF2-40B4-BE49-F238E27FC236}">
                <a16:creationId xmlns:a16="http://schemas.microsoft.com/office/drawing/2014/main" id="{1C916550-CCF5-24EC-2AAE-CBFBEB669497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409714" y="2425482"/>
            <a:ext cx="318796" cy="63501"/>
          </a:xfrm>
          <a:custGeom>
            <a:avLst/>
            <a:gdLst/>
            <a:ahLst/>
            <a:cxnLst/>
            <a:rect l="0" t="0" r="0" b="0"/>
            <a:pathLst>
              <a:path w="318796" h="63501">
                <a:moveTo>
                  <a:pt x="0" y="0"/>
                </a:moveTo>
                <a:lnTo>
                  <a:pt x="0" y="31750"/>
                </a:lnTo>
                <a:lnTo>
                  <a:pt x="318795" y="31750"/>
                </a:lnTo>
                <a:lnTo>
                  <a:pt x="318795" y="63500"/>
                </a:lnTo>
              </a:path>
            </a:pathLst>
          </a:custGeom>
          <a:ln w="12700" cap="flat" cmpd="sng" algn="ctr">
            <a:solidFill>
              <a:srgbClr val="EFDF1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D_0c77c90239bf472c9fa10e133ab19b39_Line">
            <a:extLst>
              <a:ext uri="{FF2B5EF4-FFF2-40B4-BE49-F238E27FC236}">
                <a16:creationId xmlns:a16="http://schemas.microsoft.com/office/drawing/2014/main" id="{E286222D-F07C-DAC3-7126-60830B062349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728509" y="2742982"/>
            <a:ext cx="106751" cy="63501"/>
          </a:xfrm>
          <a:custGeom>
            <a:avLst/>
            <a:gdLst/>
            <a:ahLst/>
            <a:cxnLst/>
            <a:rect l="0" t="0" r="0" b="0"/>
            <a:pathLst>
              <a:path w="106751" h="63501">
                <a:moveTo>
                  <a:pt x="0" y="0"/>
                </a:moveTo>
                <a:lnTo>
                  <a:pt x="0" y="31750"/>
                </a:lnTo>
                <a:lnTo>
                  <a:pt x="106750" y="31750"/>
                </a:lnTo>
                <a:lnTo>
                  <a:pt x="106750" y="63500"/>
                </a:lnTo>
              </a:path>
            </a:pathLst>
          </a:custGeom>
          <a:ln w="12700" cap="flat" cmpd="sng" algn="ctr">
            <a:solidFill>
              <a:srgbClr val="EFDF1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D_686686ac40bd4109b2e8620aa9cb3d5a_Line">
            <a:extLst>
              <a:ext uri="{FF2B5EF4-FFF2-40B4-BE49-F238E27FC236}">
                <a16:creationId xmlns:a16="http://schemas.microsoft.com/office/drawing/2014/main" id="{08E49E2E-890A-152A-15B1-1D5D00D250BE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1024958" y="3390682"/>
            <a:ext cx="292" cy="63501"/>
          </a:xfrm>
          <a:custGeom>
            <a:avLst/>
            <a:gdLst/>
            <a:ahLst/>
            <a:cxnLst/>
            <a:rect l="0" t="0" r="0" b="0"/>
            <a:pathLst>
              <a:path w="292" h="63501">
                <a:moveTo>
                  <a:pt x="0" y="0"/>
                </a:moveTo>
                <a:lnTo>
                  <a:pt x="0" y="31750"/>
                </a:lnTo>
                <a:lnTo>
                  <a:pt x="291" y="31750"/>
                </a:lnTo>
                <a:lnTo>
                  <a:pt x="291" y="63500"/>
                </a:lnTo>
              </a:path>
            </a:pathLst>
          </a:custGeom>
          <a:ln w="12700" cap="flat" cmpd="sng" algn="ctr">
            <a:solidFill>
              <a:srgbClr val="EFDF1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D_b1b368ff8ecc44ecbf8768c7ea4715a5_Line">
            <a:extLst>
              <a:ext uri="{FF2B5EF4-FFF2-40B4-BE49-F238E27FC236}">
                <a16:creationId xmlns:a16="http://schemas.microsoft.com/office/drawing/2014/main" id="{9177F1CF-58BD-A229-6E6B-2E96CF1C12CE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1025249" y="3708182"/>
            <a:ext cx="106459" cy="63501"/>
          </a:xfrm>
          <a:custGeom>
            <a:avLst/>
            <a:gdLst/>
            <a:ahLst/>
            <a:cxnLst/>
            <a:rect l="0" t="0" r="0" b="0"/>
            <a:pathLst>
              <a:path w="106459" h="63501">
                <a:moveTo>
                  <a:pt x="0" y="0"/>
                </a:moveTo>
                <a:lnTo>
                  <a:pt x="0" y="31750"/>
                </a:lnTo>
                <a:lnTo>
                  <a:pt x="106458" y="31750"/>
                </a:lnTo>
                <a:lnTo>
                  <a:pt x="106458" y="63500"/>
                </a:lnTo>
              </a:path>
            </a:pathLst>
          </a:custGeom>
          <a:ln w="12700" cap="flat" cmpd="sng" algn="ctr">
            <a:solidFill>
              <a:srgbClr val="EFDF1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16968477-E91F-E2E0-A2A1-4138A75568EB}"/>
              </a:ext>
            </a:extLst>
          </p:cNvPr>
          <p:cNvGrpSpPr/>
          <p:nvPr/>
        </p:nvGrpSpPr>
        <p:grpSpPr>
          <a:xfrm>
            <a:off x="1785709" y="643477"/>
            <a:ext cx="9576242" cy="400406"/>
            <a:chOff x="1783186" y="626770"/>
            <a:chExt cx="9566794" cy="400406"/>
          </a:xfrm>
        </p:grpSpPr>
        <p:sp>
          <p:nvSpPr>
            <p:cNvPr id="282" name="Rectangle: Rounded Corners 281">
              <a:extLst>
                <a:ext uri="{FF2B5EF4-FFF2-40B4-BE49-F238E27FC236}">
                  <a16:creationId xmlns:a16="http://schemas.microsoft.com/office/drawing/2014/main" id="{A5504C07-B68E-5A4E-698E-7EAD2B5705DC}"/>
                </a:ext>
              </a:extLst>
            </p:cNvPr>
            <p:cNvSpPr/>
            <p:nvPr/>
          </p:nvSpPr>
          <p:spPr>
            <a:xfrm>
              <a:off x="1783186" y="626770"/>
              <a:ext cx="9566794" cy="400406"/>
            </a:xfrm>
            <a:prstGeom prst="roundRect">
              <a:avLst/>
            </a:prstGeom>
            <a:solidFill>
              <a:srgbClr val="3CBFAF"/>
            </a:solidFill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400" dirty="0"/>
            </a:p>
          </p:txBody>
        </p:sp>
        <p:grpSp>
          <p:nvGrpSpPr>
            <p:cNvPr id="305" name="Group 304">
              <a:extLst>
                <a:ext uri="{FF2B5EF4-FFF2-40B4-BE49-F238E27FC236}">
                  <a16:creationId xmlns:a16="http://schemas.microsoft.com/office/drawing/2014/main" id="{ADFAFE8A-B6B1-D623-9B57-CE9E55167525}"/>
                </a:ext>
              </a:extLst>
            </p:cNvPr>
            <p:cNvGrpSpPr/>
            <p:nvPr/>
          </p:nvGrpSpPr>
          <p:grpSpPr>
            <a:xfrm>
              <a:off x="2129908" y="717789"/>
              <a:ext cx="9044551" cy="261610"/>
              <a:chOff x="2596876" y="554277"/>
              <a:chExt cx="8555660" cy="275315"/>
            </a:xfrm>
          </p:grpSpPr>
          <p:sp>
            <p:nvSpPr>
              <p:cNvPr id="286" name="TextBox 285">
                <a:extLst>
                  <a:ext uri="{FF2B5EF4-FFF2-40B4-BE49-F238E27FC236}">
                    <a16:creationId xmlns:a16="http://schemas.microsoft.com/office/drawing/2014/main" id="{25A1F095-7356-6A8D-BB86-DDC5E833EA68}"/>
                  </a:ext>
                </a:extLst>
              </p:cNvPr>
              <p:cNvSpPr txBox="1"/>
              <p:nvPr/>
            </p:nvSpPr>
            <p:spPr>
              <a:xfrm>
                <a:off x="7465483" y="554277"/>
                <a:ext cx="739041" cy="27531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100" b="1" dirty="0">
                    <a:solidFill>
                      <a:schemeClr val="bg1"/>
                    </a:solidFill>
                  </a:rPr>
                  <a:t>|0 ABY</a:t>
                </a:r>
              </a:p>
            </p:txBody>
          </p:sp>
          <p:sp>
            <p:nvSpPr>
              <p:cNvPr id="287" name="TextBox 286">
                <a:extLst>
                  <a:ext uri="{FF2B5EF4-FFF2-40B4-BE49-F238E27FC236}">
                    <a16:creationId xmlns:a16="http://schemas.microsoft.com/office/drawing/2014/main" id="{3A878353-D384-1B9A-7201-F7B5ADD50F63}"/>
                  </a:ext>
                </a:extLst>
              </p:cNvPr>
              <p:cNvSpPr txBox="1"/>
              <p:nvPr/>
            </p:nvSpPr>
            <p:spPr>
              <a:xfrm>
                <a:off x="8356447" y="554277"/>
                <a:ext cx="801641" cy="27531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100" b="1" dirty="0">
                    <a:solidFill>
                      <a:schemeClr val="bg1"/>
                    </a:solidFill>
                  </a:rPr>
                  <a:t>|10 ABY</a:t>
                </a:r>
              </a:p>
            </p:txBody>
          </p:sp>
          <p:sp>
            <p:nvSpPr>
              <p:cNvPr id="288" name="TextBox 287">
                <a:extLst>
                  <a:ext uri="{FF2B5EF4-FFF2-40B4-BE49-F238E27FC236}">
                    <a16:creationId xmlns:a16="http://schemas.microsoft.com/office/drawing/2014/main" id="{145BC3B9-B609-5017-78D2-0D2EAC52603C}"/>
                  </a:ext>
                </a:extLst>
              </p:cNvPr>
              <p:cNvSpPr txBox="1"/>
              <p:nvPr/>
            </p:nvSpPr>
            <p:spPr>
              <a:xfrm>
                <a:off x="9329320" y="554277"/>
                <a:ext cx="801641" cy="27531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100" b="1" dirty="0">
                    <a:solidFill>
                      <a:schemeClr val="bg1"/>
                    </a:solidFill>
                  </a:rPr>
                  <a:t>|20 ABY</a:t>
                </a:r>
              </a:p>
            </p:txBody>
          </p:sp>
          <p:sp>
            <p:nvSpPr>
              <p:cNvPr id="289" name="TextBox 288">
                <a:extLst>
                  <a:ext uri="{FF2B5EF4-FFF2-40B4-BE49-F238E27FC236}">
                    <a16:creationId xmlns:a16="http://schemas.microsoft.com/office/drawing/2014/main" id="{EA9827AE-15D3-F03E-4F75-D8A39C9A9E58}"/>
                  </a:ext>
                </a:extLst>
              </p:cNvPr>
              <p:cNvSpPr txBox="1"/>
              <p:nvPr/>
            </p:nvSpPr>
            <p:spPr>
              <a:xfrm>
                <a:off x="10350895" y="554277"/>
                <a:ext cx="801641" cy="27531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100" b="1" dirty="0">
                    <a:solidFill>
                      <a:schemeClr val="bg1"/>
                    </a:solidFill>
                  </a:rPr>
                  <a:t>|30 ABY</a:t>
                </a:r>
              </a:p>
            </p:txBody>
          </p:sp>
          <p:sp>
            <p:nvSpPr>
              <p:cNvPr id="291" name="TextBox 290">
                <a:extLst>
                  <a:ext uri="{FF2B5EF4-FFF2-40B4-BE49-F238E27FC236}">
                    <a16:creationId xmlns:a16="http://schemas.microsoft.com/office/drawing/2014/main" id="{5CEB1AAA-3CEA-57D6-30B0-5339787EBC8D}"/>
                  </a:ext>
                </a:extLst>
              </p:cNvPr>
              <p:cNvSpPr txBox="1"/>
              <p:nvPr/>
            </p:nvSpPr>
            <p:spPr>
              <a:xfrm>
                <a:off x="6477194" y="554277"/>
                <a:ext cx="801641" cy="27531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100" b="1" dirty="0">
                    <a:solidFill>
                      <a:schemeClr val="bg1"/>
                    </a:solidFill>
                  </a:rPr>
                  <a:t>|10 BBY</a:t>
                </a:r>
              </a:p>
            </p:txBody>
          </p:sp>
          <p:sp>
            <p:nvSpPr>
              <p:cNvPr id="292" name="TextBox 291">
                <a:extLst>
                  <a:ext uri="{FF2B5EF4-FFF2-40B4-BE49-F238E27FC236}">
                    <a16:creationId xmlns:a16="http://schemas.microsoft.com/office/drawing/2014/main" id="{4B9E31AA-B1FF-96D8-E7BB-4230AB209CD5}"/>
                  </a:ext>
                </a:extLst>
              </p:cNvPr>
              <p:cNvSpPr txBox="1"/>
              <p:nvPr/>
            </p:nvSpPr>
            <p:spPr>
              <a:xfrm>
                <a:off x="5554225" y="554277"/>
                <a:ext cx="801641" cy="27531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100" b="1" dirty="0">
                    <a:solidFill>
                      <a:schemeClr val="bg1"/>
                    </a:solidFill>
                  </a:rPr>
                  <a:t>|20 BBY</a:t>
                </a:r>
              </a:p>
            </p:txBody>
          </p:sp>
          <p:sp>
            <p:nvSpPr>
              <p:cNvPr id="293" name="TextBox 292">
                <a:extLst>
                  <a:ext uri="{FF2B5EF4-FFF2-40B4-BE49-F238E27FC236}">
                    <a16:creationId xmlns:a16="http://schemas.microsoft.com/office/drawing/2014/main" id="{B126341D-061D-0A06-B097-57DD4E6585FF}"/>
                  </a:ext>
                </a:extLst>
              </p:cNvPr>
              <p:cNvSpPr txBox="1"/>
              <p:nvPr/>
            </p:nvSpPr>
            <p:spPr>
              <a:xfrm>
                <a:off x="4588616" y="554277"/>
                <a:ext cx="801641" cy="27531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100" b="1" dirty="0">
                    <a:solidFill>
                      <a:schemeClr val="bg1"/>
                    </a:solidFill>
                  </a:rPr>
                  <a:t>|30 BBY</a:t>
                </a:r>
              </a:p>
            </p:txBody>
          </p:sp>
          <p:sp>
            <p:nvSpPr>
              <p:cNvPr id="294" name="TextBox 293">
                <a:extLst>
                  <a:ext uri="{FF2B5EF4-FFF2-40B4-BE49-F238E27FC236}">
                    <a16:creationId xmlns:a16="http://schemas.microsoft.com/office/drawing/2014/main" id="{B635A58F-F355-E9BE-1005-3608C6DC55B4}"/>
                  </a:ext>
                </a:extLst>
              </p:cNvPr>
              <p:cNvSpPr txBox="1"/>
              <p:nvPr/>
            </p:nvSpPr>
            <p:spPr>
              <a:xfrm>
                <a:off x="3588592" y="554277"/>
                <a:ext cx="801641" cy="27531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100" b="1" dirty="0">
                    <a:solidFill>
                      <a:schemeClr val="bg1"/>
                    </a:solidFill>
                  </a:rPr>
                  <a:t>|40 BBY</a:t>
                </a:r>
              </a:p>
            </p:txBody>
          </p:sp>
          <p:sp>
            <p:nvSpPr>
              <p:cNvPr id="295" name="TextBox 294">
                <a:extLst>
                  <a:ext uri="{FF2B5EF4-FFF2-40B4-BE49-F238E27FC236}">
                    <a16:creationId xmlns:a16="http://schemas.microsoft.com/office/drawing/2014/main" id="{6082CB1B-8B0C-271E-E784-42221D7AC99F}"/>
                  </a:ext>
                </a:extLst>
              </p:cNvPr>
              <p:cNvSpPr txBox="1"/>
              <p:nvPr/>
            </p:nvSpPr>
            <p:spPr>
              <a:xfrm>
                <a:off x="2596876" y="554277"/>
                <a:ext cx="801641" cy="27531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100" b="1" dirty="0">
                    <a:solidFill>
                      <a:schemeClr val="bg1"/>
                    </a:solidFill>
                  </a:rPr>
                  <a:t>|50 BBY</a:t>
                </a:r>
              </a:p>
            </p:txBody>
          </p:sp>
        </p:grpSp>
      </p:grpSp>
      <p:sp>
        <p:nvSpPr>
          <p:cNvPr id="285" name="OTLSHAPE_M_e151e55ca0e94d658693515bc55afa91_Shape">
            <a:extLst>
              <a:ext uri="{FF2B5EF4-FFF2-40B4-BE49-F238E27FC236}">
                <a16:creationId xmlns:a16="http://schemas.microsoft.com/office/drawing/2014/main" id="{8E993850-A5D7-D13D-F592-69E4FD4C2A6E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 flipV="1">
            <a:off x="7295414" y="520482"/>
            <a:ext cx="228600" cy="254000"/>
          </a:xfrm>
          <a:prstGeom prst="triangl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401520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xLCJJZCI6IjZjYzAwNTFiLTA2ZmYtNDRlNy1iYjNhLWViMjI2MmE5MjUzOC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giLCJUb3AiOjAuMCwiTGVmdCI6MC4wLCJSaWdodCI6MC4wLCJCb3R0b20iOjAuMH0sIlBhZGRpbmciOnsiJGlkIjoiNTkiLCJUb3AiOjAuMCwiTGVmdCI6MC4wLCJSaWdodCI6MC4wLCJCb3R0b20iOjAuMH0sIkJhY2tncm91bmQiOnsiJGlkIjoiNjAiLCJDb2xvciI6eyIkaWQiOiI2MSIsIkEiOjAsIlIiOjI1NSwiRyI6MjU1LCJCIjoyNTV9fSwiSXNWaXNpYmxlIjpmYWxzZSwiV2lkdGgiOjAuMCwiSGVpZ2h0IjowLjAsIkJvcmRlclN0eWxlIjpudWxsLCJQYXJlbnRTdHlsZSI6bnVsbH0sIkRhdGVGb3JtYXQiOnsiJGlkIjoi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3IiwiVG9wIjowLjAsIkxlZnQiOjAuMCwiUmlnaHQiOjAuMCwiQm90dG9tIjowLjB9LCJQYWRkaW5nIjp7IiRpZCI6Ijg4IiwiVG9wIjowLjAsIkxlZnQiOjAuMCwiUmlnaHQiOjAuMCwiQm90dG9tIjowLjB9LCJCYWNrZ3JvdW5kIjp7IiRpZCI6Ijg5IiwiQ29sb3IiOnsiJGlkIjoiOTAiLCJBIjowLCJSIjoyNTUsIkciOjI1NSwiQiI6MjU1fX0sIklzVmlzaWJsZSI6ZmFsc2UsIldpZHRoIjowLjAsIkhlaWdodCI6MC4wLCJCb3JkZXJTdHlsZSI6bnVsbCwiUGFyZW50U3R5bGUiOm51bGx9LCJEYXRlRm9ybWF0Ijp7IiRpZCI6Ij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y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E2IiwiVG9wIjowLjAsIkxlZnQiOjAuMCwiUmlnaHQiOjAuMCwiQm90dG9tIjowLjB9LCJQYWRkaW5nIjp7IiRpZCI6IjExNyIsIlRvcCI6MC4wLCJMZWZ0IjowLjAsIlJpZ2h0IjowLjAsIkJvdHRvbSI6MC4wfSwiQmFja2dyb3VuZCI6eyIkaWQiOiIxMTgiLCJDb2xvciI6eyIkaWQiOiIxMTkiLCJBIjowLCJSIjoyNTUsIkciOjI1NSwiQiI6MjU1fX0sIklzVmlzaWJsZSI6ZmFsc2UsIldpZHRoIjowLjAsIkhlaWdodCI6MC4wLCJCb3JkZXJTdHlsZSI6bnVsbCwiUGFyZW50U3R5bGUiOm51bGx9LCJEYXRlRm9ybWF0Ijp7IiRpZCI6IjE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E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zYiLCJUb3AiOjAuMCwiTGVmdCI6MC4wLCJSaWdodCI6MC4wLCJCb3R0b20iOjAuMH0sIlBhZGRpbmciOnsiJGlkIjoiMTc3IiwiVG9wIjowLjAsIkxlZnQiOjAuMCwiUmlnaHQiOjAuMCwiQm90dG9tIjowLjB9LCJCYWNrZ3JvdW5kIjp7IiRpZCI6IjE3OCIsIkNvbG9yIjp7IiRpZCI6IjE3OSIsIkEiOjAsIlIiOjI1NSwiRyI6MjU1LCJCIjoyNTV9fSwiSXNWaXNpYmxlIjpmYWxzZSwiV2lkdGgiOjAuMCwiSGVpZ2h0IjowLjAsIkJvcmRlclN0eWxlIjpudWxsLCJQYXJlbnRTdHlsZSI6bnVsbH0sIkRhdGVGb3JtYXQiOnsiJGlkIjoiMT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wNSIsIlRvcCI6MC4wLCJMZWZ0IjowLjAsIlJpZ2h0IjowLjAsIkJvdHRvbSI6MC4wfSwiUGFkZGluZyI6eyIkaWQiOiIyMDYiLCJUb3AiOjAuMCwiTGVmdCI6MC4wLCJSaWdodCI6MC4wLCJCb3R0b20iOjAuMH0sIkJhY2tncm91bmQiOnsiJGlkIjoiMjA3IiwiQ29sb3IiOnsiJGlkIjoiMjA4IiwiQSI6MCwiUiI6MjU1LCJHIjoyNTUsIkIiOjI1NX19LCJJc1Zpc2libGUiOmZhbHNlLCJXaWR0aCI6MC4wLCJIZWlnaHQiOjAuMCwiQm9yZGVyU3R5bGUiOm51bGwsIlBhcmVudFN0eWxlIjpudWxsfSwiRGF0ZUZvcm1hdCI6eyIkaWQiOiIy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w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M0IiwiVG9wIjowLjAsIkxlZnQiOjAuMCwiUmlnaHQiOjAuMCwiQm90dG9tIjowLjB9LCJQYWRkaW5nIjp7IiRpZCI6IjIzNSIsIlRvcCI6MC4wLCJMZWZ0IjowLjAsIlJpZ2h0IjowLjAsIkJvdHRvbSI6MC4wfSwiQmFja2dyb3VuZCI6eyIkaWQiOiIyMzYiLCJDb2xvciI6eyIkaWQiOiIyMzciLCJBIjowLCJSIjoyNTUsIkciOjI1NSwiQiI6MjU1fX0sIklzVmlzaWJsZSI6ZmFsc2UsIldpZHRoIjowLjAsIkhlaWdodCI6MC4wLCJCb3JkZXJTdHlsZSI6bnVsbCwiUGFyZW50U3R5bGUiOm51bGx9LCJEYXRlRm9ybWF0Ijp7IiRpZCI6Ij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k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k0IiwiVG9wIjowLjAsIkxlZnQiOjAuMCwiUmlnaHQiOjAuMCwiQm90dG9tIjowLjB9LCJQYWRkaW5nIjp7IiRpZCI6IjI5NSIsIlRvcCI6MC4wLCJMZWZ0IjowLjAsIlJpZ2h0IjowLjAsIkJvdHRvbSI6MC4wfSwiQmFja2dyb3VuZCI6eyIkaWQiOiIyOTYiLCJDb2xvciI6eyIkaWQiOiIyOTciLCJBIjowLCJSIjoyNTUsIkciOjI1NSwiQiI6MjU1fX0sIklzVmlzaWJsZSI6ZmFsc2UsIldpZHRoIjowLjAsIkhlaWdodCI6MC4wLCJCb3JkZXJTdHlsZSI6bnVsbCwiUGFyZW50U3R5bGUiOm51bGx9LCJEYXRlRm9ybWF0Ijp7IiRpZCI6IjI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k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zMDAiLCJfdGFza3MiOltdLCJfbWlsZXN0b25lcyI6W3siJGlkIjoiMzAxIiwiSWQiOiIwMmJkMDFkYS1iN2QyLTRhODItYjVlNy02YWU4ZDU5N2NlMDgiLCJJbmRleCI6MywiR3JvdXBJZCI6bnVsbCwiVGl0bGUiOiJTdGFyIFdhcnMgRXBpc29kZSBWSUlJOiBUaGUgTGFzdCBKZWRpICgzNCBBQlkpIiwiRGF0ZVRpbWUiOiIyMDM0LTEyLTE5VDIzOjU5OjAwIiwiUGVyY2VudGFnZUNvbXBsZXRlIjpudWxsLCJOb3RlIjpudWxsLCJTdHlsZSI6eyIkaWQiOiIzMDIiLCJUaXRsZVBvc2l0aW9uIjoiTGVmdCIsIkRhdGVQb3NpdGlvbiI6IkxlZnQiLCJTaGFwZVR5cGUiOjEzLCJTaGFwZVNpemUiOjEsIlNwYWNpbmciOjUsIlNoYXB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IzIiwiVG9wIjowLjAsIkxlZnQiOjAuMCwiUmlnaHQiOjAuMCwiQm90dG9tIjowLjB9LCJQYWRkaW5nIjp7IiRpZCI6IjMyNCIsIlRvcCI6MC4wLCJMZWZ0IjowLjAsIlJpZ2h0IjowLjAsIkJvdHRvbSI6MC4wfSwiQmFja2dyb3VuZCI6eyIkaWQiOiIzMjUiLCJDb2xvciI6eyIkaWQiOiIzMjYiLCJBIjowLCJSIjoyNTUsIkciOjI1NSwiQiI6MjU1fX0sIklzVmlzaWJsZSI6ZmFsc2UsIldpZHRoIjowLjAsIkhlaWdodCI6MC4wLCJCb3JkZXJTdHlsZSI6bnVsbCwiUGFyZW50U3R5bGUiOm51bGx9LCJEYXRlRm9ybWF0Ijp7IiRpZCI6IjM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g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UyIiwiVG9wIjowLjAsIkxlZnQiOjAuMCwiUmlnaHQiOjAuMCwiQm90dG9tIjowLjB9LCJQYWRkaW5nIjp7IiRpZCI6IjM1MyIsIlRvcCI6MC4wLCJMZWZ0IjowLjAsIlJpZ2h0IjowLjAsIkJvdHRvbSI6MC4wfSwiQmFja2dyb3VuZCI6eyIkaWQiOiIzNTQiLCJDb2xvciI6eyIkaWQiOiIzNTUiLCJBIjowLCJSIjoyNTUsIkciOjI1NSwiQiI6MjU1fX0sIklzVmlzaWJsZSI6ZmFsc2UsIldpZHRoIjowLjAsIkhlaWdodCI6MC4wLCJCb3JkZXJTdHlsZSI6bnVsbCwiUGFyZW50U3R5bGUiOm51bGx9LCJEYXRlRm9ybWF0Ijp7IiRpZCI6IjM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c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NDQiLCJUb3AiOjAuMCwiTGVmdCI6MC4wLCJSaWdodCI6MC4wLCJCb3R0b20iOjAuMH0sIlBhZGRpbmciOnsiJGlkIjoiNDQ1IiwiVG9wIjowLjAsIkxlZnQiOjAuMCwiUmlnaHQiOjAuMCwiQm90dG9tIjowLjB9LCJCYWNrZ3JvdW5kIjp7IiRpZCI6IjQ0NiIsIkNvbG9yIjp7IiRpZCI6IjQ0NyIsIkEiOjAsIlIiOjI1NSwiRyI6MjU1LCJCIjoyNTV9fSwiSXNWaXNpYmxlIjpmYWxzZSwiV2lkdGgiOjAuMCwiSGVpZ2h0IjowLjAsIkJvcmRlclN0eWxlIjpudWxsLCJQYXJlbnRTdHlsZSI6bnVsbH0sIkRhdGVGb3JtYXQiOnsiJGlkIjoiND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3MiIsIlRvcCI6MC4wLCJMZWZ0IjowLjAsIlJpZ2h0IjowLjAsIkJvdHRvbSI6MC4wfSwiUGFkZGluZyI6eyIkaWQiOiI0NzMiLCJUb3AiOjAuMCwiTGVmdCI6MC4wLCJSaWdodCI6MC4wLCJCb3R0b20iOjAuMH0sIkJhY2tncm91bmQiOnsiJGlkIjoiNDc0IiwiQ29sb3IiOnsiJGlkIjoiNDc1IiwiQSI6MCwiUiI6MjU1LCJHIjoyNTUsIkIiOjI1NX19LCJJc1Zpc2libGUiOmZhbHNlLCJXaWR0aCI6MC4wLCJIZWlnaHQiOjAuMCwiQm9yZGVyU3R5bGUiOm51bGwsIlBhcmVudFN0eWxlIjpudWxsfSwiRGF0ZUZvcm1hdCI6eyIkaWQiOiI0N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MyIiwiVG9wIjowLjAsIkxlZnQiOjAuMCwiUmlnaHQiOjAuMCwiQm90dG9tIjowLjB9LCJQYWRkaW5nIjp7IiRpZCI6IjczMyIsIlRvcCI6MC4wLCJMZWZ0IjowLjAsIlJpZ2h0IjowLjAsIkJvdHRvbSI6MC4wfSwiQmFja2dyb3VuZCI6eyIkaWQiOiI3MzQiLCJDb2xvciI6eyIkaWQiOiI3MzUiLCJBIjowLCJSIjoyNTUsIkciOjI1NSwiQiI6MjU1fX0sIklzVmlzaWJsZSI6ZmFsc2UsIldpZHRoIjowLjAsIkhlaWdodCI6MC4wLCJCb3JkZXJTdHlsZSI6bnVsbCwiUGFyZW50U3R5bGUiOm51bGx9LCJEYXRlRm9ybWF0Ijp7IiRpZCI6Ijc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kyOCIsIlRvcCI6MC4wLCJMZWZ0IjowLjAsIlJpZ2h0IjowLjAsIkJvdHRvbSI6MC4wfSwiUGFkZGluZyI6eyIkaWQiOiI5MjkiLCJUb3AiOjAuMCwiTGVmdCI6MC4wLCJSaWdodCI6MC4wLCJCb3R0b20iOjAuMH0sIkJhY2tncm91bmQiOnsiJGlkIjoiOTMwIiwiQ29sb3IiOnsiJGlkIjoiOTMxIiwiQSI6MCwiUiI6MjU1LCJHIjoyNTUsIkIiOjI1NX19LCJJc1Zpc2libGUiOmZhbHNlLCJXaWR0aCI6MC4wLCJIZWlnaHQiOjAuMCwiQm9yZGVyU3R5bGUiOm51bGwsIlBhcmVudFN0eWxlIjpudWxsfSwiRGF0ZUZvcm1hdCI6eyIkaWQiOiI5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k1NiIsIlRvcCI6MC4wLCJMZWZ0IjowLjAsIlJpZ2h0IjowLjAsIkJvdHRvbSI6MC4wfSwiUGFkZGluZyI6eyIkaWQiOiI5NTciLCJUb3AiOjAuMCwiTGVmdCI6MC4wLCJSaWdodCI6MC4wLCJCb3R0b20iOjAuMH0sIkJhY2tncm91bmQiOnsiJGlkIjoiOTU4IiwiQ29sb3IiOnsiJGlkIjoiOTU5IiwiQSI6MCwiUiI6MjU1LCJHIjoyNTUsIkIiOjI1NX19LCJJc1Zpc2libGUiOmZhbHNlLCJXaWR0aCI6MC4wLCJIZWlnaHQiOjAuMCwiQm9yZGVyU3R5bGUiOm51bGwsIlBhcmVudFN0eWxlIjpudWxsfSwiRGF0ZUZvcm1hdCI6eyIkaWQiOiI5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5ODUiLCJUb3AiOjAuMCwiTGVmdCI6MC4wLCJSaWdodCI6MC4wLCJCb3R0b20iOjAuMH0sIlBhZGRpbmciOnsiJGlkIjoiOTg2IiwiVG9wIjowLjAsIkxlZnQiOjAuMCwiUmlnaHQiOjAuMCwiQm90dG9tIjowLjB9LCJCYWNrZ3JvdW5kIjp7IiRpZCI6Ijk4NyIsIkNvbG9yIjp7IiRpZCI6Ijk4OCIsIkEiOjAsIlIiOjI1NSwiRyI6MjU1LCJCIjoyNTV9fSwiSXNWaXNpYmxlIjpmYWxzZSwiV2lkdGgiOjAuMCwiSGVpZ2h0IjowLjAsIkJvcmRlclN0eWxlIjpudWxsLCJQYXJlbnRTdHlsZSI6bnVsbH0sIkRhdGVGb3JtYXQiOnsiJGlkIjoiOT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AxMyIsIlRvcCI6MC4wLCJMZWZ0IjowLjAsIlJpZ2h0IjowLjAsIkJvdHRvbSI6MC4wfSwiUGFkZGluZyI6eyIkaWQiOiIxMDE0IiwiVG9wIjowLjAsIkxlZnQiOjAuMCwiUmlnaHQiOjAuMCwiQm90dG9tIjowLjB9LCJCYWNrZ3JvdW5kIjp7IiRpZCI6IjEwMTUiLCJDb2xvciI6eyIkaWQiOiIxMDE2IiwiQSI6MCwiUiI6MjU1LCJHIjoyNTUsIkIiOjI1NX19LCJJc1Zpc2libGUiOmZhbHNlLCJXaWR0aCI6MC4wLCJIZWlnaHQiOjAuMCwiQm9yZGVyU3R5bGUiOm51bGwsIlBhcmVudFN0eWxlIjpudWxsfSwiRGF0ZUZvcm1hdCI6eyIkaWQiOiIxMD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wNDEiLCJUb3AiOjAuMCwiTGVmdCI6MC4wLCJSaWdodCI6MC4wLCJCb3R0b20iOjAuMH0sIlBhZGRpbmciOnsiJGlkIjoiMTA0MiIsIlRvcCI6MC4wLCJMZWZ0IjowLjAsIlJpZ2h0IjowLjAsIkJvdHRvbSI6MC4wfSwiQmFja2dyb3VuZCI6eyIkaWQiOiIxMDQzIiwiQ29sb3IiOnsiJGlkIjoiMTA0NCIsIkEiOjAsIlIiOjI1NSwiRyI6MjU1LCJCIjoyNTV9fSwiSXNWaXNpYmxlIjpmYWxzZSwiV2lkdGgiOjAuMCwiSGVpZ2h0IjowLjAsIkJvcmRlclN0eWxlIjpudWxsLCJQYXJlbnRTdHlsZSI6bnVsbH0sIkRhdGVGb3JtYXQiOnsiJGlkIjoiMTA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DIiLCJUb3AiOjAuMCwiTGVmdCI6MC4wLCJSaWdodCI6MC4wLCJCb3R0b20iOjAuMH0sIlBhZGRpbmciOnsiJGlkIjoiMTI0MyIsIlRvcCI6MC4wLCJMZWZ0IjowLjAsIlJpZ2h0IjowLjAsIkJvdHRvbSI6MC4wfSwiQmFja2dyb3VuZCI6eyIkaWQiOiIxMjQ0IiwiQ29sb3IiOnsiJGlkIjoiMTI0NSIsIkEiOjAsIlIiOjAsIkciOjAsIkIiOjB9fSwiSXNWaXNpYmxlIjpmYWxzZSwiV2lkdGgiOjAuMCwiSGVpZ2h0IjowLjAsIkJvcmRlclN0eWxlIjpudWxsLCJQYXJlbnRTdHlsZSI6bnVsbH0sIkRhdGVGb3JtYXQiOnsiJGlkIjoiMTI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MjcifSwiUGFkZGluZyI6eyIkcmVmIjoiNTI4In0sIkJhY2tncm91bmQiOnsiJGlkIjoiMTI3MSIsIkNvbG9yIjp7IiRpZCI6IjEyNzIiLCJBIjowLCJSIjowLCJHIjowLCJCIjowfX0sIklzVmlzaWJsZSI6dHJ1ZSwiV2lkdGgiOjAuMCwiSGVpZ2h0IjowLjAsIkJvcmRlclN0eWxlIjpudWxsLCJQYXJlbnRTdHlsZSI6bnVsbH0sIkRhdGVGb3JtYXQiOnsiJGlkIjoiMTI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0IiwiRm9ybWF0IjowLCJJc1Zpc2libGUiOmZhbHNlLCJMYXN0S25vd25WaXNpYmlsaXR5U3RhdGUiOmZhbHNlfSwiSXNWaXNpYmxlIjp0cnVlLCJQYXJlbnRTdHlsZSI6bnVsbCwiX2V4cGxpY2l0bHlTZXQiOnsiJGlkIjoiMTI3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k1IiwiVG9wIjowLjAsIkxlZnQiOjAuMCwiUmlnaHQiOjAuMCwiQm90dG9tIjowLjB9LCJQYWRkaW5nIjp7IiRpZCI6IjEyOTYiLCJUb3AiOjAuMCwiTGVmdCI6MC4wLCJSaWdodCI6MC4wLCJCb3R0b20iOjAuMH0sIkJhY2tncm91bmQiOnsiJGlkIjoiMTI5NyIsIkNvbG9yIjp7IiRpZCI6IjEyOTgiLCJBIjowLCJSIjowLCJHIjowLCJCIjowfX0sIklzVmlzaWJsZSI6ZmFsc2UsIldpZHRoIjowLjAsIkhlaWdodCI6MC4wLCJCb3JkZXJTdHlsZSI6bnVsbCwiUGFyZW50U3R5bGUiOm51bGx9LCJEYXRlRm9ybWF0Ijp7IiRpZCI6IjEy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TIMEBANDAUTODATERANGE" val="False"/>
  <p:tag name="OTLTIMEBANDENDDATE" val="2037-07-01T23:59:00.0000000"/>
  <p:tag name="OTLTIMEBANDRESERVEDLEFTAREAISSET" val="True"/>
  <p:tag name="OTLTIMEBANDTHREEDEFFECTS" val="None"/>
  <p:tag name="OTLTIMEBANDSTARTDATE" val="1948-06-09T23:59:00.0000000"/>
  <p:tag name="OTLTIMEBANDSPACINGABOVE" val="16"/>
  <p:tag name="OTLTIMEBANDSPACINGBELOW" val="16"/>
  <p:tag name="OTLTIMEBANDSPACINGABOVEFORSWLANDTASKS" val="16"/>
  <p:tag name="OTLTIMEBANDSPACINGBELOWFORSWLANDTASKS" val="16"/>
  <p:tag name="OTLTIMEBANDRESERVEDLEFTAREAWIDTH" val="61.5601551357856"/>
  <p:tag name="OTLLEFTENDCAPSMARGINLEFT" val="94.1136968024514"/>
  <p:tag name="OTLTIMEBANDDEPENABLED" val="True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0-12-07T23:59:00.0000000"/>
  <p:tag name="OTLPOSITIONONTASK" val="None"/>
  <p:tag name="OTLRELATEDTASKID" val="00000000-0000-0000-0000-000000000000"/>
  <p:tag name="OTLMTITLE" val="BATTLE OF YAVIN (YEAR ZERO)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inishToFinish"/>
  <p:tag name="OTLDEPSOURCEKIND" val="Side"/>
  <p:tag name="OTLDEPDESTINATIONKIND" val="Side"/>
  <p:tag name="OTLDEPSOURCEID" val="7b0c8137-988c-43b4-8d62-7962e396fae1"/>
  <p:tag name="OTLDEPDESTINATIONID" val="cf3f61d4-11bc-4fed-b949-37eac9727985"/>
  <p:tag name="OTLDEPENDENCYLAGUNIT" val="Undefined"/>
  <p:tag name="OTLDEPENDENCYLAGVALUE" val="0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inishToFinish"/>
  <p:tag name="OTLDEPSOURCEKIND" val="Side"/>
  <p:tag name="OTLDEPDESTINATIONKIND" val="Side"/>
  <p:tag name="OTLDEPSOURCEID" val="6528f648-fbcb-4964-92e9-5a2b33fa5fb0"/>
  <p:tag name="OTLDEPDESTINATIONID" val="8546c06e-e986-4aaa-9431-de75b29dc3e1"/>
  <p:tag name="OTLDEPENDENCYLAGUNIT" val="Undefined"/>
  <p:tag name="OTLDEPENDENCYLAGVALUE" val="0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inishToFinish"/>
  <p:tag name="OTLDEPSOURCEKIND" val="Side"/>
  <p:tag name="OTLDEPDESTINATIONKIND" val="Side"/>
  <p:tag name="OTLDEPSOURCEID" val="8c2e4e91-2a8b-4fc4-b54a-9bc2df9c0b1e"/>
  <p:tag name="OTLDEPDESTINATIONID" val="c2ae8d8a-b56d-410d-bff7-2f2ecaa20b01"/>
  <p:tag name="OTLDEPENDENCYLAGUNIT" val="Undefined"/>
  <p:tag name="OTLDEPENDENCYLAGVALUE" val="0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inishToFinish"/>
  <p:tag name="OTLDEPSOURCEKIND" val="Side"/>
  <p:tag name="OTLDEPDESTINATIONKIND" val="Side"/>
  <p:tag name="OTLDEPSOURCEID" val="c2ae8d8a-b56d-410d-bff7-2f2ecaa20b01"/>
  <p:tag name="OTLDEPDESTINATIONID" val="7b0c8137-988c-43b4-8d62-7962e396fae1"/>
  <p:tag name="OTLDEPENDENCYLAGUNIT" val="Undefined"/>
  <p:tag name="OTLDEPENDENCYLAGVALUE" val="0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inishToFinish"/>
  <p:tag name="OTLDEPSOURCEKIND" val="Side"/>
  <p:tag name="OTLDEPDESTINATIONKIND" val="Side"/>
  <p:tag name="OTLDEPSOURCEID" val="cf3f61d4-11bc-4fed-b949-37eac9727985"/>
  <p:tag name="OTLDEPDESTINATIONID" val="269e647e-a650-45ce-be3c-47cc01473d32"/>
  <p:tag name="OTLDEPENDENCYLAGUNIT" val="Undefined"/>
  <p:tag name="OTLDEPENDENCYLAGVALUE" val="0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inishToFinish"/>
  <p:tag name="OTLDEPSOURCEKIND" val="Side"/>
  <p:tag name="OTLDEPDESTINATIONKIND" val="Side"/>
  <p:tag name="OTLDEPSOURCEID" val="269e647e-a650-45ce-be3c-47cc01473d32"/>
  <p:tag name="OTLDEPDESTINATIONID" val="6528f648-fbcb-4964-92e9-5a2b33fa5fb0"/>
  <p:tag name="OTLDEPENDENCYLAGUNIT" val="Undefined"/>
  <p:tag name="OTLDEPENDENCYLAGVALUE" val="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inishToFinish"/>
  <p:tag name="OTLDEPSOURCEKIND" val="Side"/>
  <p:tag name="OTLDEPDESTINATIONKIND" val="Side"/>
  <p:tag name="OTLDEPSOURCEID" val="8546c06e-e986-4aaa-9431-de75b29dc3e1"/>
  <p:tag name="OTLDEPDESTINATIONID" val="02bd01da-b7d2-4a82-b5e7-6ae8d597ce08"/>
  <p:tag name="OTLDEPENDENCYLAGUNIT" val="Undefined"/>
  <p:tag name="OTLDEPENDENCYLAGVALUE" val="0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inishToFinish"/>
  <p:tag name="OTLDEPSOURCEKIND" val="Side"/>
  <p:tag name="OTLDEPDESTINATIONKIND" val="Side"/>
  <p:tag name="OTLDEPSOURCEID" val="02bd01da-b7d2-4a82-b5e7-6ae8d597ce08"/>
  <p:tag name="OTLDEPDESTINATIONID" val="f5a9609b-cc9c-4d72-b1a3-aa7633770cb1"/>
  <p:tag name="OTLDEPENDENCYLAGUNIT" val="Undefined"/>
  <p:tag name="OTLDEPENDENCYLAGVALUE" val="0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xLCJJZCI6IjZjYzAwNTFiLTA2ZmYtNDRlNy1iYjNhLWViMjI2MmE5MjUzOC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giLCJUb3AiOjAuMCwiTGVmdCI6MC4wLCJSaWdodCI6MC4wLCJCb3R0b20iOjAuMH0sIlBhZGRpbmciOnsiJGlkIjoiNTkiLCJUb3AiOjAuMCwiTGVmdCI6MC4wLCJSaWdodCI6MC4wLCJCb3R0b20iOjAuMH0sIkJhY2tncm91bmQiOnsiJGlkIjoiNjAiLCJDb2xvciI6eyIkaWQiOiI2MSIsIkEiOjAsIlIiOjI1NSwiRyI6MjU1LCJCIjoyNTV9fSwiSXNWaXNpYmxlIjpmYWxzZSwiV2lkdGgiOjAuMCwiSGVpZ2h0IjowLjAsIkJvcmRlclN0eWxlIjpudWxsLCJQYXJlbnRTdHlsZSI6bnVsbH0sIkRhdGVGb3JtYXQiOnsiJGlkIjoi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3IiwiVG9wIjowLjAsIkxlZnQiOjAuMCwiUmlnaHQiOjAuMCwiQm90dG9tIjowLjB9LCJQYWRkaW5nIjp7IiRpZCI6Ijg4IiwiVG9wIjowLjAsIkxlZnQiOjAuMCwiUmlnaHQiOjAuMCwiQm90dG9tIjowLjB9LCJCYWNrZ3JvdW5kIjp7IiRpZCI6Ijg5IiwiQ29sb3IiOnsiJGlkIjoiOTAiLCJBIjowLCJSIjoyNTUsIkciOjI1NSwiQiI6MjU1fX0sIklzVmlzaWJsZSI6ZmFsc2UsIldpZHRoIjowLjAsIkhlaWdodCI6MC4wLCJCb3JkZXJTdHlsZSI6bnVsbCwiUGFyZW50U3R5bGUiOm51bGx9LCJEYXRlRm9ybWF0Ijp7IiRpZCI6Ij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y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E2IiwiVG9wIjowLjAsIkxlZnQiOjAuMCwiUmlnaHQiOjAuMCwiQm90dG9tIjowLjB9LCJQYWRkaW5nIjp7IiRpZCI6IjExNyIsIlRvcCI6MC4wLCJMZWZ0IjowLjAsIlJpZ2h0IjowLjAsIkJvdHRvbSI6MC4wfSwiQmFja2dyb3VuZCI6eyIkaWQiOiIxMTgiLCJDb2xvciI6eyIkaWQiOiIxMTkiLCJBIjowLCJSIjoyNTUsIkciOjI1NSwiQiI6MjU1fX0sIklzVmlzaWJsZSI6ZmFsc2UsIldpZHRoIjowLjAsIkhlaWdodCI6MC4wLCJCb3JkZXJTdHlsZSI6bnVsbCwiUGFyZW50U3R5bGUiOm51bGx9LCJEYXRlRm9ybWF0Ijp7IiRpZCI6IjE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E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zYiLCJUb3AiOjAuMCwiTGVmdCI6MC4wLCJSaWdodCI6MC4wLCJCb3R0b20iOjAuMH0sIlBhZGRpbmciOnsiJGlkIjoiMTc3IiwiVG9wIjowLjAsIkxlZnQiOjAuMCwiUmlnaHQiOjAuMCwiQm90dG9tIjowLjB9LCJCYWNrZ3JvdW5kIjp7IiRpZCI6IjE3OCIsIkNvbG9yIjp7IiRpZCI6IjE3OSIsIkEiOjAsIlIiOjI1NSwiRyI6MjU1LCJCIjoyNTV9fSwiSXNWaXNpYmxlIjpmYWxzZSwiV2lkdGgiOjAuMCwiSGVpZ2h0IjowLjAsIkJvcmRlclN0eWxlIjpudWxsLCJQYXJlbnRTdHlsZSI6bnVsbH0sIkRhdGVGb3JtYXQiOnsiJGlkIjoiMT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wNSIsIlRvcCI6MC4wLCJMZWZ0IjowLjAsIlJpZ2h0IjowLjAsIkJvdHRvbSI6MC4wfSwiUGFkZGluZyI6eyIkaWQiOiIyMDYiLCJUb3AiOjAuMCwiTGVmdCI6MC4wLCJSaWdodCI6MC4wLCJCb3R0b20iOjAuMH0sIkJhY2tncm91bmQiOnsiJGlkIjoiMjA3IiwiQ29sb3IiOnsiJGlkIjoiMjA4IiwiQSI6MCwiUiI6MjU1LCJHIjoyNTUsIkIiOjI1NX19LCJJc1Zpc2libGUiOmZhbHNlLCJXaWR0aCI6MC4wLCJIZWlnaHQiOjAuMCwiQm9yZGVyU3R5bGUiOm51bGwsIlBhcmVudFN0eWxlIjpudWxsfSwiRGF0ZUZvcm1hdCI6eyIkaWQiOiIy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w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M0IiwiVG9wIjowLjAsIkxlZnQiOjAuMCwiUmlnaHQiOjAuMCwiQm90dG9tIjowLjB9LCJQYWRkaW5nIjp7IiRpZCI6IjIzNSIsIlRvcCI6MC4wLCJMZWZ0IjowLjAsIlJpZ2h0IjowLjAsIkJvdHRvbSI6MC4wfSwiQmFja2dyb3VuZCI6eyIkaWQiOiIyMzYiLCJDb2xvciI6eyIkaWQiOiIyMzciLCJBIjowLCJSIjoyNTUsIkciOjI1NSwiQiI6MjU1fX0sIklzVmlzaWJsZSI6ZmFsc2UsIldpZHRoIjowLjAsIkhlaWdodCI6MC4wLCJCb3JkZXJTdHlsZSI6bnVsbCwiUGFyZW50U3R5bGUiOm51bGx9LCJEYXRlRm9ybWF0Ijp7IiRpZCI6Ij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k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k0IiwiVG9wIjowLjAsIkxlZnQiOjAuMCwiUmlnaHQiOjAuMCwiQm90dG9tIjowLjB9LCJQYWRkaW5nIjp7IiRpZCI6IjI5NSIsIlRvcCI6MC4wLCJMZWZ0IjowLjAsIlJpZ2h0IjowLjAsIkJvdHRvbSI6MC4wfSwiQmFja2dyb3VuZCI6eyIkaWQiOiIyOTYiLCJDb2xvciI6eyIkaWQiOiIyOTciLCJBIjowLCJSIjoyNTUsIkciOjI1NSwiQiI6MjU1fX0sIklzVmlzaWJsZSI6ZmFsc2UsIldpZHRoIjowLjAsIkhlaWdodCI6MC4wLCJCb3JkZXJTdHlsZSI6bnVsbCwiUGFyZW50U3R5bGUiOm51bGx9LCJEYXRlRm9ybWF0Ijp7IiRpZCI6IjI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k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zMDAiLCJfdGFza3MiOltdLCJfbWlsZXN0b25lcyI6W3siJGlkIjoiMzAxIiwiSWQiOiIwMmJkMDFkYS1iN2QyLTRhODItYjVlNy02YWU4ZDU5N2NlMDgiLCJJbmRleCI6MywiR3JvdXBJZCI6bnVsbCwiVGl0bGUiOiJTdGFyIFdhcnMgRXBpc29kZSBWSUlJOiBUaGUgTGFzdCBKZWRpICgzNCBBQlkpIiwiRGF0ZVRpbWUiOiIyMDM0LTEyLTE5VDIzOjU5OjAwIiwiUGVyY2VudGFnZUNvbXBsZXRlIjpudWxsLCJOb3RlIjpudWxsLCJTdHlsZSI6eyIkaWQiOiIzMDIiLCJUaXRsZVBvc2l0aW9uIjoiTGVmdCIsIkRhdGVQb3NpdGlvbiI6IkxlZnQiLCJTaGFwZVR5cGUiOjEzLCJTaGFwZVNpemUiOjEsIlNwYWNpbmciOjUsIlNoYXB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IzIiwiVG9wIjowLjAsIkxlZnQiOjAuMCwiUmlnaHQiOjAuMCwiQm90dG9tIjowLjB9LCJQYWRkaW5nIjp7IiRpZCI6IjMyNCIsIlRvcCI6MC4wLCJMZWZ0IjowLjAsIlJpZ2h0IjowLjAsIkJvdHRvbSI6MC4wfSwiQmFja2dyb3VuZCI6eyIkaWQiOiIzMjUiLCJDb2xvciI6eyIkaWQiOiIzMjYiLCJBIjowLCJSIjoyNTUsIkciOjI1NSwiQiI6MjU1fX0sIklzVmlzaWJsZSI6ZmFsc2UsIldpZHRoIjowLjAsIkhlaWdodCI6MC4wLCJCb3JkZXJTdHlsZSI6bnVsbCwiUGFyZW50U3R5bGUiOm51bGx9LCJEYXRlRm9ybWF0Ijp7IiRpZCI6IjM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g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UyIiwiVG9wIjowLjAsIkxlZnQiOjAuMCwiUmlnaHQiOjAuMCwiQm90dG9tIjowLjB9LCJQYWRkaW5nIjp7IiRpZCI6IjM1MyIsIlRvcCI6MC4wLCJMZWZ0IjowLjAsIlJpZ2h0IjowLjAsIkJvdHRvbSI6MC4wfSwiQmFja2dyb3VuZCI6eyIkaWQiOiIzNTQiLCJDb2xvciI6eyIkaWQiOiIzNTUiLCJBIjowLCJSIjoyNTUsIkciOjI1NSwiQiI6MjU1fX0sIklzVmlzaWJsZSI6ZmFsc2UsIldpZHRoIjowLjAsIkhlaWdodCI6MC4wLCJCb3JkZXJTdHlsZSI6bnVsbCwiUGFyZW50U3R5bGUiOm51bGx9LCJEYXRlRm9ybWF0Ijp7IiRpZCI6IjM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c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NDQiLCJUb3AiOjAuMCwiTGVmdCI6MC4wLCJSaWdodCI6MC4wLCJCb3R0b20iOjAuMH0sIlBhZGRpbmciOnsiJGlkIjoiNDQ1IiwiVG9wIjowLjAsIkxlZnQiOjAuMCwiUmlnaHQiOjAuMCwiQm90dG9tIjowLjB9LCJCYWNrZ3JvdW5kIjp7IiRpZCI6IjQ0NiIsIkNvbG9yIjp7IiRpZCI6IjQ0NyIsIkEiOjAsIlIiOjI1NSwiRyI6MjU1LCJCIjoyNTV9fSwiSXNWaXNpYmxlIjpmYWxzZSwiV2lkdGgiOjAuMCwiSGVpZ2h0IjowLjAsIkJvcmRlclN0eWxlIjpudWxsLCJQYXJlbnRTdHlsZSI6bnVsbH0sIkRhdGVGb3JtYXQiOnsiJGlkIjoiND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3MiIsIlRvcCI6MC4wLCJMZWZ0IjowLjAsIlJpZ2h0IjowLjAsIkJvdHRvbSI6MC4wfSwiUGFkZGluZyI6eyIkaWQiOiI0NzMiLCJUb3AiOjAuMCwiTGVmdCI6MC4wLCJSaWdodCI6MC4wLCJCb3R0b20iOjAuMH0sIkJhY2tncm91bmQiOnsiJGlkIjoiNDc0IiwiQ29sb3IiOnsiJGlkIjoiNDc1IiwiQSI6MCwiUiI6MjU1LCJHIjoyNTUsIkIiOjI1NX19LCJJc1Zpc2libGUiOmZhbHNlLCJXaWR0aCI6MC4wLCJIZWlnaHQiOjAuMCwiQm9yZGVyU3R5bGUiOm51bGwsIlBhcmVudFN0eWxlIjpudWxsfSwiRGF0ZUZvcm1hdCI6eyIkaWQiOiI0N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MzAiLCJUb3AiOjAuMCwiTGVmdCI6MC4wLCJSaWdodCI6MC4wLCJCb3R0b20iOjAuMH0sIlBhZGRpbmciOnsiJGlkIjoiNzMxIiwiVG9wIjowLjAsIkxlZnQiOjAuMCwiUmlnaHQiOjAuMCwiQm90dG9tIjowLjB9LCJCYWNrZ3JvdW5kIjp7IiRpZCI6IjczMiIsIkNvbG9yIjp7IiRpZCI6IjczMyIsIkEiOjAsIlIiOjI1NSwiRyI6MjU1LCJCIjoyNTV9fSwiSXNWaXNpYmxlIjpmYWxzZSwiV2lkdGgiOjAuMCwiSGVpZ2h0IjowLjAsIkJvcmRlclN0eWxlIjpudWxsLCJQYXJlbnRTdHlsZSI6bnVsbH0sIkRhdGVGb3JtYXQiOnsiJGlkIjoiNz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kxOCIsIlRvcCI6MC4wLCJMZWZ0IjowLjAsIlJpZ2h0IjowLjAsIkJvdHRvbSI6MC4wfSwiUGFkZGluZyI6eyIkaWQiOiI5MTkiLCJUb3AiOjAuMCwiTGVmdCI6MC4wLCJSaWdodCI6MC4wLCJCb3R0b20iOjAuMH0sIkJhY2tncm91bmQiOnsiJGlkIjoiOTIwIiwiQ29sb3IiOnsiJGlkIjoiOTIxIiwiQSI6MCwiUiI6MjU1LCJHIjoyNTUsIkIiOjI1NX19LCJJc1Zpc2libGUiOmZhbHNlLCJXaWR0aCI6MC4wLCJIZWlnaHQiOjAuMCwiQm9yZGVyU3R5bGUiOm51bGwsIlBhcmVudFN0eWxlIjpudWxsfSwiRGF0ZUZvcm1hdCI6eyIkaWQiOiI5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5NDQiLCJUb3AiOjAuMCwiTGVmdCI6MC4wLCJSaWdodCI6MC4wLCJCb3R0b20iOjAuMH0sIlBhZGRpbmciOnsiJGlkIjoiOTQ1IiwiVG9wIjowLjAsIkxlZnQiOjAuMCwiUmlnaHQiOjAuMCwiQm90dG9tIjowLjB9LCJCYWNrZ3JvdW5kIjp7IiRpZCI6Ijk0NiIsIkNvbG9yIjp7IiRpZCI6Ijk0NyIsIkEiOjAsIlIiOjI1NSwiRyI6MjU1LCJCIjoyNTV9fSwiSXNWaXNpYmxlIjpmYWxzZSwiV2lkdGgiOjAuMCwiSGVpZ2h0IjowLjAsIkJvcmRlclN0eWxlIjpudWxsLCJQYXJlbnRTdHlsZSI6bnVsbH0sIkRhdGVGb3JtYXQiOnsiJGlkIjoiOT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k3MSIsIlRvcCI6MC4wLCJMZWZ0IjowLjAsIlJpZ2h0IjowLjAsIkJvdHRvbSI6MC4wfSwiUGFkZGluZyI6eyIkaWQiOiI5NzIiLCJUb3AiOjAuMCwiTGVmdCI6MC4wLCJSaWdodCI6MC4wLCJCb3R0b20iOjAuMH0sIkJhY2tncm91bmQiOnsiJGlkIjoiOTczIiwiQ29sb3IiOnsiJGlkIjoiOTc0IiwiQSI6MCwiUiI6MjU1LCJHIjoyNTUsIkIiOjI1NX19LCJJc1Zpc2libGUiOmZhbHNlLCJXaWR0aCI6MC4wLCJIZWlnaHQiOjAuMCwiQm9yZGVyU3R5bGUiOm51bGwsIlBhcmVudFN0eWxlIjpudWxsfSwiRGF0ZUZvcm1hdCI6eyIkaWQiOiI5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5OTciLCJUb3AiOjAuMCwiTGVmdCI6MC4wLCJSaWdodCI6MC4wLCJCb3R0b20iOjAuMH0sIlBhZGRpbmciOnsiJGlkIjoiOTk4IiwiVG9wIjowLjAsIkxlZnQiOjAuMCwiUmlnaHQiOjAuMCwiQm90dG9tIjowLjB9LCJCYWNrZ3JvdW5kIjp7IiRpZCI6Ijk5OSIsIkNvbG9yIjp7IiRpZCI6IjEwMDAiLCJBIjowLCJSIjoyNTUsIkciOjI1NSwiQiI6MjU1fX0sIklzVmlzaWJsZSI6ZmFsc2UsIldpZHRoIjowLjAsIkhlaWdodCI6MC4wLCJCb3JkZXJTdHlsZSI6bnVsbCwiUGFyZW50U3R5bGUiOm51bGx9LCJEYXRlRm9ybWF0Ijp7IiRpZCI6IjEw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DIzIiwiVG9wIjowLjAsIkxlZnQiOjAuMCwiUmlnaHQiOjAuMCwiQm90dG9tIjowLjB9LCJQYWRkaW5nIjp7IiRpZCI6IjEwMjQiLCJUb3AiOjAuMCwiTGVmdCI6MC4wLCJSaWdodCI6MC4wLCJCb3R0b20iOjAuMH0sIkJhY2tncm91bmQiOnsiJGlkIjoiMTAyNSIsIkNvbG9yIjp7IiRpZCI6IjEwMjYiLCJBIjowLCJSIjoyNTUsIkciOjI1NSwiQiI6MjU1fX0sIklzVmlzaWJsZSI6ZmFsc2UsIldpZHRoIjowLjAsIkhlaWdodCI6MC4wLCJCb3JkZXJTdHlsZSI6bnVsbCwiUGFyZW50U3R5bGUiOm51bGx9LCJEYXRlRm9ybWF0Ijp7IiRpZCI6IjE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0IiwiVG9wIjowLjAsIkxlZnQiOjAuMCwiUmlnaHQiOjAuMCwiQm90dG9tIjowLjB9LCJQYWRkaW5nIjp7IiRpZCI6IjEyMjUiLCJUb3AiOjAuMCwiTGVmdCI6MC4wLCJSaWdodCI6MC4wLCJCb3R0b20iOjAuMH0sIkJhY2tncm91bmQiOnsiJGlkIjoiMTIyNiIsIkNvbG9yIjp7IiRpZCI6IjEyMjciLCJBIjowLCJSIjowLCJHIjowLCJCIjowfX0sIklzVmlzaWJsZSI6ZmFsc2UsIldpZHRoIjowLjAsIkhlaWdodCI6MC4wLCJCb3JkZXJTdHlsZSI6bnVsbCwiUGFyZW50U3R5bGUiOm51bGx9LCJEYXRlRm9ybWF0Ijp7IiRpZCI6IjEy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I3In0sIlBhZGRpbmciOnsiJHJlZiI6IjUyOCJ9LCJCYWNrZ3JvdW5kIjp7IiRpZCI6IjEyNTMiLCJDb2xvciI6eyIkaWQiOiIxMjU0IiwiQSI6MCwiUiI6MCwiRyI6MCwiQiI6MH19LCJJc1Zpc2libGUiOnRydWUsIldpZHRoIjowLjAsIkhlaWdodCI6MC4wLCJCb3JkZXJTdHlsZSI6bnVsbCwiUGFyZW50U3R5bGUiOm51bGx9LCJEYXRlRm9ybWF0Ijp7IiRpZCI6IjEy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1NiIsIkZvcm1hdCI6MCwiSXNWaXNpYmxlIjpmYWxzZSwiTGFzdEtub3duVmlzaWJpbGl0eVN0YXRlIjpmYWxzZX0sIklzVmlzaWJsZSI6dHJ1ZSwiUGFyZW50U3R5bGUiOm51bGwsIl9leHBsaWNpdGx5U2V0Ijp7IiRpZCI6IjEyNT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3NyIsIlRvcCI6MC4wLCJMZWZ0IjowLjAsIlJpZ2h0IjowLjAsIkJvdHRvbSI6MC4wfSwiUGFkZGluZyI6eyIkaWQiOiIxMjc4IiwiVG9wIjowLjAsIkxlZnQiOjAuMCwiUmlnaHQiOjAuMCwiQm90dG9tIjowLjB9LCJCYWNrZ3JvdW5kIjp7IiRpZCI6IjEyNzkiLCJDb2xvciI6eyIkaWQiOiIxMjgwIiwiQSI6MCwiUiI6MCwiRyI6MCwiQiI6MH19LCJJc1Zpc2libGUiOmZhbHNlLCJXaWR0aCI6MC4wLCJIZWlnaHQiOjAuMCwiQm9yZGVyU3R5bGUiOm51bGwsIlBhcmVudFN0eWxlIjpudWxsfSwiRGF0ZUZvcm1hdCI6eyIkaWQiOiIxM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"/>
  <p:tag name="__MASTER" val="__part_0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TIMEBANDAUTODATERANGE" val="False"/>
  <p:tag name="OTLTIMEBANDENDDATE" val="2037-07-01T23:59:00.0000000"/>
  <p:tag name="OTLTIMEBANDRESERVEDLEFTAREAISSET" val="True"/>
  <p:tag name="OTLTIMEBANDTHREEDEFFECTS" val="None"/>
  <p:tag name="OTLTIMEBANDSTARTDATE" val="1948-06-09T23:59:00.0000000"/>
  <p:tag name="OTLTIMEBANDSPACINGABOVE" val="16"/>
  <p:tag name="OTLTIMEBANDSPACINGBELOW" val="16"/>
  <p:tag name="OTLTIMEBANDSPACINGABOVEFORSWLANDTASKS" val="16"/>
  <p:tag name="OTLTIMEBANDSPACINGBELOWFORSWLANDTASKS" val="16"/>
  <p:tag name="OTLTIMEBANDRESERVEDLEFTAREAWIDTH" val="61.5601551357856"/>
  <p:tag name="OTLLEFTENDCAPSMARGINLEFT" val="94.1136968024514"/>
  <p:tag name="OTLTIMEBANDDEPENABLED" val="True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 Episode IV: A New Hope (0 ABY)"/>
  <p:tag name="OTLDATE" val="2000-12-07T23:59:00.0000000"/>
  <p:tag name="OTLPOSITIONONTASK" val="None"/>
  <p:tag name="OTLRELATEDTASKID" val="00000000-0000-0000-0000-000000000000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 Episode VI: Return of the Jedi (4 ABY)"/>
  <p:tag name="OTLDATE" val="2004-12-09T23:59:00.0000000"/>
  <p:tag name="OTLPOSITIONONTASK" val="None"/>
  <p:tag name="OTLRELATEDTASKID" val="00000000-0000-0000-0000-000000000000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 Episode V: The Empire Strikes Back (3 ABY)"/>
  <p:tag name="OTLDATE" val="2003-12-08T23:59:00.0000000"/>
  <p:tag name="OTLPOSITIONONTASK" val="None"/>
  <p:tag name="OTLRELATEDTASKID" val="00000000-0000-0000-0000-000000000000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 Episode II: Attack of the Clones (22 BBY)"/>
  <p:tag name="OTLDATE" val="1978-01-03T23:59:00.0000000"/>
  <p:tag name="OTLPOSITIONONTASK" val="None"/>
  <p:tag name="OTLRELATEDTASKID" val="00000000-0000-0000-0000-000000000000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 Episode I: The Phantom Menace (32 BBY)"/>
  <p:tag name="OTLDATE" val="1968-01-04T23:59:00.0000000"/>
  <p:tag name="OTLPOSITIONONTASK" val="None"/>
  <p:tag name="OTLRELATEDTASKID" val="00000000-0000-0000-0000-000000000000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 Episode III: Revenge of the Sith (19 BBY)"/>
  <p:tag name="OTLDATE" val="1981-12-27T23:59:00.0000000"/>
  <p:tag name="OTLPOSITIONONTASK" val="None"/>
  <p:tag name="OTLRELATEDTASKID" val="00000000-0000-0000-0000-000000000000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 Episode IX: The Rise of Skywalker (35 ABY)"/>
  <p:tag name="OTLDATE" val="2035-12-20T23:59:00.0000000"/>
  <p:tag name="OTLPOSITIONONTASK" val="None"/>
  <p:tag name="OTLRELATEDTASKID" val="00000000-0000-0000-0000-000000000000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 Episode VIII: The Last Jedi (34 ABY)"/>
  <p:tag name="OTLDATE" val="2034-12-19T23:59:00.0000000"/>
  <p:tag name="OTLPOSITIONONTASK" val="None"/>
  <p:tag name="OTLRELATEDTASKID" val="00000000-0000-0000-0000-000000000000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 Episode VII: The Force Awakens (34 ABY)"/>
  <p:tag name="OTLDATE" val="2034-12-18T23:59:00.0000000"/>
  <p:tag name="OTLPOSITIONONTASK" val="None"/>
  <p:tag name="OTLRELATEDTASKID" val="00000000-0000-0000-0000-00000000000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inishToFinish"/>
  <p:tag name="OTLDEPSOURCEKIND" val="Side"/>
  <p:tag name="OTLDEPDESTINATIONKIND" val="Side"/>
  <p:tag name="OTLDEPSOURCEID" val="7b0c8137-988c-43b4-8d62-7962e396fae1"/>
  <p:tag name="OTLDEPDESTINATIONID" val="cf3f61d4-11bc-4fed-b949-37eac9727985"/>
  <p:tag name="OTLDEPENDENCYLAGUNIT" val="Undefined"/>
  <p:tag name="OTLDEPENDENCYLAGVALUE" val="0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inishToFinish"/>
  <p:tag name="OTLDEPSOURCEKIND" val="Side"/>
  <p:tag name="OTLDEPDESTINATIONKIND" val="Side"/>
  <p:tag name="OTLDEPSOURCEID" val="6528f648-fbcb-4964-92e9-5a2b33fa5fb0"/>
  <p:tag name="OTLDEPDESTINATIONID" val="8546c06e-e986-4aaa-9431-de75b29dc3e1"/>
  <p:tag name="OTLDEPENDENCYLAGUNIT" val="Undefined"/>
  <p:tag name="OTLDEPENDENCYLAGVALUE" val="0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inishToFinish"/>
  <p:tag name="OTLDEPSOURCEKIND" val="Side"/>
  <p:tag name="OTLDEPDESTINATIONKIND" val="Side"/>
  <p:tag name="OTLDEPSOURCEID" val="8c2e4e91-2a8b-4fc4-b54a-9bc2df9c0b1e"/>
  <p:tag name="OTLDEPDESTINATIONID" val="c2ae8d8a-b56d-410d-bff7-2f2ecaa20b01"/>
  <p:tag name="OTLDEPENDENCYLAGUNIT" val="Undefined"/>
  <p:tag name="OTLDEPENDENCYLAGVALUE" val="0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inishToFinish"/>
  <p:tag name="OTLDEPSOURCEKIND" val="Side"/>
  <p:tag name="OTLDEPDESTINATIONKIND" val="Side"/>
  <p:tag name="OTLDEPSOURCEID" val="c2ae8d8a-b56d-410d-bff7-2f2ecaa20b01"/>
  <p:tag name="OTLDEPDESTINATIONID" val="7b0c8137-988c-43b4-8d62-7962e396fae1"/>
  <p:tag name="OTLDEPENDENCYLAGUNIT" val="Undefined"/>
  <p:tag name="OTLDEPENDENCYLAGVALUE" val="0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inishToFinish"/>
  <p:tag name="OTLDEPSOURCEKIND" val="Side"/>
  <p:tag name="OTLDEPDESTINATIONKIND" val="Side"/>
  <p:tag name="OTLDEPSOURCEID" val="cf3f61d4-11bc-4fed-b949-37eac9727985"/>
  <p:tag name="OTLDEPDESTINATIONID" val="269e647e-a650-45ce-be3c-47cc01473d32"/>
  <p:tag name="OTLDEPENDENCYLAGUNIT" val="Undefined"/>
  <p:tag name="OTLDEPENDENCYLAGVALUE" val="0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inishToFinish"/>
  <p:tag name="OTLDEPSOURCEKIND" val="Side"/>
  <p:tag name="OTLDEPDESTINATIONKIND" val="Side"/>
  <p:tag name="OTLDEPSOURCEID" val="269e647e-a650-45ce-be3c-47cc01473d32"/>
  <p:tag name="OTLDEPDESTINATIONID" val="6528f648-fbcb-4964-92e9-5a2b33fa5fb0"/>
  <p:tag name="OTLDEPENDENCYLAGUNIT" val="Undefined"/>
  <p:tag name="OTLDEPENDENCYLAGVALU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inishToFinish"/>
  <p:tag name="OTLDEPSOURCEKIND" val="Side"/>
  <p:tag name="OTLDEPDESTINATIONKIND" val="Side"/>
  <p:tag name="OTLDEPSOURCEID" val="8546c06e-e986-4aaa-9431-de75b29dc3e1"/>
  <p:tag name="OTLDEPDESTINATIONID" val="02bd01da-b7d2-4a82-b5e7-6ae8d597ce08"/>
  <p:tag name="OTLDEPENDENCYLAGUNIT" val="Undefined"/>
  <p:tag name="OTLDEPENDENCYLAGVALUE" val="0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inishToFinish"/>
  <p:tag name="OTLDEPSOURCEKIND" val="Side"/>
  <p:tag name="OTLDEPDESTINATIONKIND" val="Side"/>
  <p:tag name="OTLDEPSOURCEID" val="02bd01da-b7d2-4a82-b5e7-6ae8d597ce08"/>
  <p:tag name="OTLDEPDESTINATIONID" val="f5a9609b-cc9c-4d72-b1a3-aa7633770cb1"/>
  <p:tag name="OTLDEPENDENCYLAGUNIT" val="Undefined"/>
  <p:tag name="OTLDEPENDENCYLAGVALUE" val="0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0-12-07T23:59:00.0000000"/>
  <p:tag name="OTLPOSITIONONTASK" val="None"/>
  <p:tag name="OTLRELATEDTASKID" val="00000000-0000-0000-0000-000000000000"/>
  <p:tag name="OTLMTITLE" val="BATTLE OF YAVIN (YEAR ZERO)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1960-01-05T23:59:00.0000000"/>
  <p:tag name="OTLENDDATE" val="1971-01-08T23:59:00.0000000"/>
  <p:tag name="OTLDURATIONFORMAT" val="day"/>
  <p:tag name="OTLSPACING" val="3"/>
  <p:tag name="OTLSHAPETHICKNESSTYPE" val="Thin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09-12-10T23:59:00.0000000"/>
  <p:tag name="OTLENDDATE" val="2012-12-13T23:59:00.0000000"/>
  <p:tag name="OTLDURATIONFORMAT" val="day"/>
  <p:tag name="OTLSPACING" val="3"/>
  <p:tag name="OTLSHAPETHICKNESSTYPE" val="Thin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1978-01-02T00:00:00.0000000"/>
  <p:tag name="OTLENDDATE" val="2035-01-02T23:59:00.0000000"/>
  <p:tag name="OTLDURATIONFORMAT" val="day"/>
  <p:tag name="OTLSPACING" val="3"/>
  <p:tag name="OTLSHAPETHICKNESSTYPE" val="Thin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1978-12-29T23:59:00.0000000"/>
  <p:tag name="OTLENDDATE" val="1981-12-30T23:59:00.0000000Z"/>
  <p:tag name="OTLDURATIONFORMAT" val="day"/>
  <p:tag name="OTLSPACING" val="3"/>
  <p:tag name="OTLSHAPETHICKNESSTYPE" val="Thin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34-12-17T23:59:00.0000000"/>
  <p:tag name="OTLENDDATE" val="2035-12-18T23:59:00.0000000"/>
  <p:tag name="OTLDURATIONFORMAT" val="day"/>
  <p:tag name="OTLSPACING" val="3"/>
  <p:tag name="OTLSHAPETHICKNESSTYPE" val="Thin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1987-12-26T23:59:00.0000000Z"/>
  <p:tag name="OTLENDDATE" val="1990-12-27T23:59:00.0000000Z"/>
  <p:tag name="OTLDURATIONFORMAT" val="day"/>
  <p:tag name="OTLSPACING" val="3"/>
  <p:tag name="OTLSHAPETHICKNESSTYPE" val="Thin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 Episode IV: A New Hope (0 ABY)"/>
  <p:tag name="OTLDATE" val="2000-12-07T23:59:00.0000000"/>
  <p:tag name="OTLPOSITIONONTASK" val="None"/>
  <p:tag name="OTLRELATEDTASKID" val="00000000-0000-0000-0000-00000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 Episode VI: Return of the Jedi (4 ABY)"/>
  <p:tag name="OTLDATE" val="2004-12-09T23:59:00.0000000"/>
  <p:tag name="OTLPOSITIONONTASK" val="None"/>
  <p:tag name="OTLRELATEDTASKID" val="00000000-0000-0000-0000-00000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 Episode V: The Empire Strikes Back (3 ABY)"/>
  <p:tag name="OTLDATE" val="2003-12-08T23:59:00.0000000"/>
  <p:tag name="OTLPOSITIONONTASK" val="None"/>
  <p:tag name="OTLRELATEDTASKID" val="00000000-0000-0000-0000-00000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 Episode II: Attack of the Clones (22 BBY)"/>
  <p:tag name="OTLDATE" val="1978-01-03T23:59:00.0000000"/>
  <p:tag name="OTLPOSITIONONTASK" val="None"/>
  <p:tag name="OTLRELATEDTASKID" val="00000000-0000-0000-0000-00000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 Episode I: The Phantom Menace (32 BBY)"/>
  <p:tag name="OTLDATE" val="1968-01-04T23:59:00.0000000"/>
  <p:tag name="OTLPOSITIONONTASK" val="None"/>
  <p:tag name="OTLRELATEDTASKID" val="00000000-0000-0000-0000-00000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 Episode III: Revenge of the Sith (19 BBY)"/>
  <p:tag name="OTLDATE" val="1981-12-27T23:59:00.0000000"/>
  <p:tag name="OTLPOSITIONONTASK" val="None"/>
  <p:tag name="OTLRELATEDTASKID" val="00000000-0000-0000-0000-00000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 Episode IX: The Rise of Skywalker (35 ABY)"/>
  <p:tag name="OTLDATE" val="2035-12-20T23:59:00.0000000"/>
  <p:tag name="OTLPOSITIONONTASK" val="None"/>
  <p:tag name="OTLRELATEDTASKID" val="00000000-0000-0000-0000-00000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 Episode VIII: The Last Jedi (34 ABY)"/>
  <p:tag name="OTLDATE" val="2034-12-19T23:59:00.0000000"/>
  <p:tag name="OTLPOSITIONONTASK" val="None"/>
  <p:tag name="OTLRELATEDTASKID" val="00000000-0000-0000-0000-00000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 Episode VII: The Force Awakens (34 ABY)"/>
  <p:tag name="OTLDATE" val="2034-12-18T23:59:00.0000000"/>
  <p:tag name="OTLPOSITIONONTASK" val="None"/>
  <p:tag name="OTLRELATEDTASKID" val="00000000-0000-0000-0000-00000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bi-Wan Kenobi (9 BBY)"/>
  <p:tag name="OTLDATE" val="1991-12-25T23:59:00.0000000"/>
  <p:tag name="OTLPOSITIONONTASK" val="None"/>
  <p:tag name="OTLRELATEDTASKID" val="00000000-0000-0000-0000-000000000000"/>
  <p:tag name="OTLMILESTONESPACING" val="5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Book of Boba Fett (9 ABY)"/>
  <p:tag name="OTLDATE" val="2009-12-11T23:59:00.0000000"/>
  <p:tag name="OTLPOSITIONONTASK" val="None"/>
  <p:tag name="OTLRELATEDTASKID" val="00000000-0000-0000-0000-000000000000"/>
  <p:tag name="OTLMILESTONESPACING" val="5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r Wars: Rebels (5 BBY)"/>
  <p:tag name="OTLDATE" val="1995-12-22T23:59:00.0000000"/>
  <p:tag name="OTLPOSITIONONTASK" val="None"/>
  <p:tag name="OTLRELATEDTASKID" val="00000000-0000-0000-0000-000000000000"/>
  <p:tag name="OTLMILESTONESPACING" val="5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hsoka (12 ABY)"/>
  <p:tag name="OTLDATE" val="2012-12-14T23:59:00.0000000"/>
  <p:tag name="OTLPOSITIONONTASK" val="None"/>
  <p:tag name="OTLRELATEDTASKID" val="00000000-0000-0000-0000-000000000000"/>
  <p:tag name="OTLMILESTONESPACING" val="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ndor (5 BBY)"/>
  <p:tag name="OTLDATE" val="1995-12-21T23:59:00.0000000"/>
  <p:tag name="OTLPOSITIONONTASK" val="None"/>
  <p:tag name="OTLRELATEDTASKID" val="00000000-0000-0000-0000-000000000000"/>
  <p:tag name="OTLMILESTONESPACING" val="5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r Wars: The Clone Wars Movie (22 BBY)"/>
  <p:tag name="OTLDATE" val="1978-01-02T23:59:00.0000000"/>
  <p:tag name="OTLPOSITIONONTASK" val="None"/>
  <p:tag name="OTLRELATEDTASKID" val="00000000-0000-0000-0000-000000000000"/>
  <p:tag name="OTLMILESTONESPACING" val="5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ogue One: A Star Wars Story (0 ABY)"/>
  <p:tag name="OTLDATE" val="2000-12-06T23:59:00.0000000"/>
  <p:tag name="OTLPOSITIONONTASK" val="None"/>
  <p:tag name="OTLRELATEDTASKID" val="00000000-0000-0000-0000-000000000000"/>
  <p:tag name="OTLMILESTONESPACING" val="5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r Wars: The Bad Batch (19 BBY)"/>
  <p:tag name="OTLDATE" val="1981-12-28T23:59:00.0000000"/>
  <p:tag name="OTLPOSITIONONTASK" val="None"/>
  <p:tag name="OTLRELATEDTASKID" val="00000000-0000-0000-0000-000000000000"/>
  <p:tag name="OTLMILESTONESPACING" val="5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42</Words>
  <Application>Microsoft Office PowerPoint</Application>
  <PresentationFormat>Widescreen</PresentationFormat>
  <Paragraphs>126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10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12-18T11:17:50Z</dcterms:created>
  <dcterms:modified xsi:type="dcterms:W3CDTF">2023-12-18T11:18:24Z</dcterms:modified>
</cp:coreProperties>
</file>